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0305" yWindow="-15" windowWidth="10200" windowHeight="8100"/>
  </bookViews>
  <sheets>
    <sheet name="特養" sheetId="1" r:id="rId1"/>
  </sheets>
  <definedNames>
    <definedName name="_xlnm._FilterDatabase" localSheetId="0" hidden="1">特養!$B$2:$L$92</definedName>
    <definedName name="_xlnm.Print_Area" localSheetId="0">特養!$B$1:$L$115</definedName>
    <definedName name="_xlnm.Print_Titles" localSheetId="0">特養!$1:$1</definedName>
    <definedName name="text" localSheetId="0">特養!$M$2:$N$92</definedName>
  </definedNames>
  <calcPr calcId="145621"/>
</workbook>
</file>

<file path=xl/connections.xml><?xml version="1.0" encoding="utf-8"?>
<connections xmlns="http://schemas.openxmlformats.org/spreadsheetml/2006/main">
  <connection id="1" name="text1" type="6" refreshedVersion="4" background="1" saveData="1">
    <textPr codePage="932" sourceFile="C:\Users\s00150\Documents\md_情報政策課_2017_01\オープンデータ_170217\170227_高齢者福祉課\⑤特別養護老人ホーム\text.txt" space="1" consecutive="1">
      <textFields count="3"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1040" uniqueCount="598">
  <si>
    <t>事業所名</t>
  </si>
  <si>
    <t>郵便番号</t>
  </si>
  <si>
    <t>所在地</t>
  </si>
  <si>
    <t>電話</t>
  </si>
  <si>
    <t>ＦＡＸ</t>
  </si>
  <si>
    <t>定員</t>
    <rPh sb="0" eb="2">
      <t>テイイン</t>
    </rPh>
    <phoneticPr fontId="2"/>
  </si>
  <si>
    <t>690-0015</t>
  </si>
  <si>
    <t>島根県松江市上乃木７－１－２８</t>
  </si>
  <si>
    <t>0852-27-6073</t>
  </si>
  <si>
    <t>特別養護老人ホーム　長命園</t>
  </si>
  <si>
    <t>島根県松江市上乃木１０丁目５番２号</t>
  </si>
  <si>
    <t>0852-27-3884</t>
  </si>
  <si>
    <t>0852-31-9213</t>
  </si>
  <si>
    <t>690-0012</t>
  </si>
  <si>
    <t>島根県松江市古志原６丁目８－１０</t>
  </si>
  <si>
    <t>0852-21-6365</t>
  </si>
  <si>
    <t>0852-21-5993</t>
  </si>
  <si>
    <t>特別養護老人ホーム　うぐいす苑</t>
  </si>
  <si>
    <t>島根県松江市西法吉町３６－１</t>
  </si>
  <si>
    <t>0852-27-3400</t>
  </si>
  <si>
    <t>0852-27-3402</t>
  </si>
  <si>
    <t>特別養護老人ホーム　松楽苑</t>
  </si>
  <si>
    <t>690-1114</t>
  </si>
  <si>
    <t>島根県松江市野原町４１７－２</t>
  </si>
  <si>
    <t>0852-34-1661</t>
  </si>
  <si>
    <t>0852-34-1666</t>
  </si>
  <si>
    <t>690-0017</t>
  </si>
  <si>
    <t>島根県松江市西津田１０丁目１９－５０</t>
  </si>
  <si>
    <t>0852-28-1950</t>
  </si>
  <si>
    <t>0852-27-1950</t>
  </si>
  <si>
    <t>特別養護老人ホーム　あいかの里</t>
  </si>
  <si>
    <t>690-0262</t>
  </si>
  <si>
    <t>島根県松江市岡本町１１３８－１</t>
  </si>
  <si>
    <t>0852-88-9011</t>
  </si>
  <si>
    <t>0852-88-9012</t>
  </si>
  <si>
    <t>特別養護老人ホーム　詔光の里</t>
  </si>
  <si>
    <t>690-0031</t>
  </si>
  <si>
    <t>島根県松江市山代町９３４－５</t>
  </si>
  <si>
    <t>0852-31-4165</t>
  </si>
  <si>
    <t>0852-27-6982</t>
  </si>
  <si>
    <t>社会福祉法人　島根県社会福祉事業団</t>
  </si>
  <si>
    <t>社会福祉法人　松江福祉公社</t>
  </si>
  <si>
    <t>社会福祉法人　上口福祉会</t>
  </si>
  <si>
    <t>社会福祉法人　みずうみ</t>
  </si>
  <si>
    <t>社会福祉法人　ふれあい</t>
  </si>
  <si>
    <t>社会福祉法人　松豊会</t>
  </si>
  <si>
    <t>社会福祉法人　湖北ふれあい</t>
  </si>
  <si>
    <t>社会福祉法人　しらゆり会</t>
  </si>
  <si>
    <t>特別養護老人ホームすまいる苑</t>
  </si>
  <si>
    <t>690-0861</t>
  </si>
  <si>
    <t>0852-55-8969</t>
  </si>
  <si>
    <t>0852-21-7700</t>
  </si>
  <si>
    <t>特別養護老人ホーム　明翔苑</t>
  </si>
  <si>
    <t>690-0122</t>
  </si>
  <si>
    <t>島根県松江市西浜佐陀町１３９９－３４</t>
  </si>
  <si>
    <t>0852-36-3010</t>
  </si>
  <si>
    <t>0852-36-3011</t>
  </si>
  <si>
    <t>690-0402</t>
  </si>
  <si>
    <t>島根県松江市島根町大芦５７０７</t>
  </si>
  <si>
    <t>0852-85-3600</t>
  </si>
  <si>
    <t>0852-85-3630</t>
  </si>
  <si>
    <t>特別養護老人ホーム　東寿苑</t>
  </si>
  <si>
    <t>699-0108</t>
  </si>
  <si>
    <t>0852-52-3330</t>
  </si>
  <si>
    <t>0852-52-5296</t>
  </si>
  <si>
    <t>特別養護老人ホーム　やくも光陽の里</t>
  </si>
  <si>
    <t>690-2102</t>
  </si>
  <si>
    <t>島根県松江市八雲町東岩坂８０６番地</t>
  </si>
  <si>
    <t>0852-54-2233</t>
  </si>
  <si>
    <t>0852-54-2237</t>
  </si>
  <si>
    <t>特別養護老人ホーム　ゆめハウス</t>
  </si>
  <si>
    <t>699-0403</t>
  </si>
  <si>
    <t>島根県松江市宍道町西来待２０７１－１</t>
  </si>
  <si>
    <t>0852-66-3012</t>
  </si>
  <si>
    <t>0852-66-1004</t>
  </si>
  <si>
    <t>特別養護老人ホーム　美保の里</t>
  </si>
  <si>
    <t>690-1315</t>
  </si>
  <si>
    <t>島根県松江市美保関町片江７９</t>
  </si>
  <si>
    <t>0852-72-9090</t>
  </si>
  <si>
    <t>0852-72-9092</t>
  </si>
  <si>
    <t>特別養護老人ホーム　あとむ苑</t>
  </si>
  <si>
    <t>690-0804</t>
  </si>
  <si>
    <t>島根県松江市鹿島町北講武８８５番地６</t>
  </si>
  <si>
    <t>0852-82-9710</t>
  </si>
  <si>
    <t>0852-82-9251</t>
  </si>
  <si>
    <t>社会福祉法人みずうみ</t>
  </si>
  <si>
    <t>社会福祉法人　豊心会</t>
  </si>
  <si>
    <t>社会福祉法人　山陰家庭学院</t>
  </si>
  <si>
    <t>社会福祉法人　草雲会</t>
  </si>
  <si>
    <t>社会福祉法人　やくも福祉会</t>
  </si>
  <si>
    <t>社会福祉法人　島根ライトハウス</t>
  </si>
  <si>
    <t>社会福祉法人　かしま福祉会</t>
  </si>
  <si>
    <t>特別養護老人ホーム　しらさぎ苑</t>
  </si>
  <si>
    <t>692-0064</t>
  </si>
  <si>
    <t>島根県安来市古川町８２９－１</t>
  </si>
  <si>
    <t>0854-28-6220</t>
  </si>
  <si>
    <t>692-0011</t>
  </si>
  <si>
    <t>島根県安来市安来町９７０－１</t>
  </si>
  <si>
    <t>社会福祉法人　やすぎ福祉会</t>
  </si>
  <si>
    <t>社会福祉法人　せんだん会</t>
  </si>
  <si>
    <t>特別養護老人ホーム　尼子苑</t>
  </si>
  <si>
    <t>692-0412</t>
  </si>
  <si>
    <t>島根県安来市広瀬町下山佐３３０－３</t>
  </si>
  <si>
    <t>0854-32-9070</t>
  </si>
  <si>
    <t>0854-32-9051</t>
  </si>
  <si>
    <t>特別養護老人ホーム　伯寿の郷</t>
  </si>
  <si>
    <t>692-0206</t>
  </si>
  <si>
    <t>島根県安来市伯太町安田１７０５番地</t>
  </si>
  <si>
    <t>0854-37-1600</t>
  </si>
  <si>
    <t>0854-37-1666</t>
  </si>
  <si>
    <t>特別養護老人ホーム　むらくも苑</t>
  </si>
  <si>
    <t>699-1821</t>
  </si>
  <si>
    <t>島根県仁多郡奥出雲町稲原５７－１</t>
  </si>
  <si>
    <t>0854-52-2567</t>
  </si>
  <si>
    <t>0854-52-2568</t>
  </si>
  <si>
    <t>奥出雲特別養護老人ホーム　あいサンホーム</t>
  </si>
  <si>
    <t>699-1621</t>
  </si>
  <si>
    <t>島根県仁多郡奥出雲町上阿井４２４番地１</t>
  </si>
  <si>
    <t>特別養護老人ホーム　簸の上園</t>
  </si>
  <si>
    <t>699-1253</t>
  </si>
  <si>
    <t>島根県雲南市大東町中湯石８８</t>
  </si>
  <si>
    <t>0854-43-3125</t>
  </si>
  <si>
    <t>特別養護老人ホーム　さくら苑</t>
  </si>
  <si>
    <t>699-1323</t>
  </si>
  <si>
    <t>島根県雲南市木次町東日登３４５－１</t>
  </si>
  <si>
    <t>0854-42-4165</t>
  </si>
  <si>
    <t>0854-42-2418</t>
  </si>
  <si>
    <t>社会福祉法人　よこた福祉会</t>
  </si>
  <si>
    <t>奥出雲町</t>
  </si>
  <si>
    <t>社会福祉法人　きすき福祉会</t>
  </si>
  <si>
    <t>特別養護老人ホーム　笑寿苑</t>
  </si>
  <si>
    <t>699-1106</t>
  </si>
  <si>
    <t>島根県雲南市加茂町加茂中９１５番地</t>
  </si>
  <si>
    <t>0854-49-9500</t>
  </si>
  <si>
    <t>0854-49-6926</t>
  </si>
  <si>
    <t>特別養護老人ホーム　梅里苑</t>
  </si>
  <si>
    <t>690-2404</t>
  </si>
  <si>
    <t>島根県雲南市三刀屋町三刀屋１３２６－８</t>
  </si>
  <si>
    <t>0854-45-3737</t>
  </si>
  <si>
    <t>0854-45-5566</t>
  </si>
  <si>
    <t>特別養護老人ホーム　愛寿園</t>
  </si>
  <si>
    <t>690-3204</t>
  </si>
  <si>
    <t>島根県飯石郡飯南町佐見４５</t>
  </si>
  <si>
    <t>0854-72-0214</t>
  </si>
  <si>
    <t>0854-72-0261</t>
  </si>
  <si>
    <t>特別養護老人ホーム　あかぎの里</t>
  </si>
  <si>
    <t>690-3401</t>
  </si>
  <si>
    <t>島根県飯石郡飯南町野萱１８３１－２</t>
  </si>
  <si>
    <t>0854-76-2600</t>
  </si>
  <si>
    <t>0854-76-3580</t>
  </si>
  <si>
    <t>社会福祉法人　有隣会</t>
  </si>
  <si>
    <t>社会福祉法人　友愛会</t>
  </si>
  <si>
    <t>社会福祉法人　飯南町社会福祉協議会</t>
  </si>
  <si>
    <t>特別養護老人ホーム　えがおの里</t>
  </si>
  <si>
    <t>690-2701</t>
  </si>
  <si>
    <t>島根県雲南市掛合町掛合８５３番地１</t>
  </si>
  <si>
    <t>0854-62-1811</t>
  </si>
  <si>
    <t>0854-62-9052</t>
  </si>
  <si>
    <t>特別養護老人ホーム　るんびにぃ苑</t>
  </si>
  <si>
    <t>691-0076</t>
  </si>
  <si>
    <t>島根県出雲市園町字妻ノ神２６０６番地１</t>
  </si>
  <si>
    <t>0853-69-1211</t>
  </si>
  <si>
    <t>0853-67-0457</t>
  </si>
  <si>
    <t>特別養護老人ホーム　万田の郷</t>
  </si>
  <si>
    <t>691-0033</t>
  </si>
  <si>
    <t>島根県出雲市万田町６９２番地２</t>
  </si>
  <si>
    <t>0853-63-2650</t>
  </si>
  <si>
    <t>0853-63-2665</t>
  </si>
  <si>
    <t>693-0051</t>
  </si>
  <si>
    <t>島根県出雲市小山町４５６－１</t>
  </si>
  <si>
    <t>0853-22-8659</t>
  </si>
  <si>
    <t>0853-22-8749</t>
  </si>
  <si>
    <t>特別養護老人ホーム　ひまわり園</t>
  </si>
  <si>
    <t>699-0822</t>
  </si>
  <si>
    <t>島根県出雲市神西沖町２４７９番地６</t>
  </si>
  <si>
    <t>0853-43-2633</t>
  </si>
  <si>
    <t>0853-43-2747</t>
  </si>
  <si>
    <t>清流園　介護老人福祉施設</t>
  </si>
  <si>
    <t>693-0011</t>
  </si>
  <si>
    <t>島根県出雲市大津町３５２９</t>
  </si>
  <si>
    <t>0853-22-8706</t>
  </si>
  <si>
    <t>0853-22-7267</t>
  </si>
  <si>
    <t>特別養護老人ホーム　もくもく苑</t>
  </si>
  <si>
    <t>693-0058</t>
  </si>
  <si>
    <t>島根県出雲市矢野町８４５番地</t>
  </si>
  <si>
    <t>0853-21-6969</t>
  </si>
  <si>
    <t>0853-24-3322</t>
  </si>
  <si>
    <t>特別養護老人ホーム　みせんの里</t>
  </si>
  <si>
    <t>699-0751</t>
  </si>
  <si>
    <t>島根県出雲市大社町遙堪６５－２</t>
  </si>
  <si>
    <t>特別養護老人ホーム　斐川サンホーム</t>
  </si>
  <si>
    <t>699-0501</t>
  </si>
  <si>
    <t>0853-72-9200</t>
  </si>
  <si>
    <t>0853-72-9739</t>
  </si>
  <si>
    <t>特別養護老人ホーム　潮風苑</t>
  </si>
  <si>
    <t>699-0903</t>
  </si>
  <si>
    <t>島根県出雲市多伎町小田５０番地３</t>
  </si>
  <si>
    <t>0853-86-2030</t>
  </si>
  <si>
    <t>0853-86-2972</t>
  </si>
  <si>
    <t>特別養護老人ホーム　いなさ園</t>
  </si>
  <si>
    <t>島根県出雲市大社町杵築西１６４３番地２</t>
  </si>
  <si>
    <t>0853-53-5727</t>
  </si>
  <si>
    <t>特別養護老人ホーム　なのはな園</t>
  </si>
  <si>
    <t>699-0624</t>
  </si>
  <si>
    <t>0853-72-1101</t>
  </si>
  <si>
    <t>0853-72-4030</t>
  </si>
  <si>
    <t>特別養護老人ホーム　やまゆり苑</t>
  </si>
  <si>
    <t>693-0522</t>
  </si>
  <si>
    <t>島根県出雲市佐田町一窪田１９６１－５</t>
  </si>
  <si>
    <t>0853-85-8000</t>
  </si>
  <si>
    <t>0853-85-8010</t>
  </si>
  <si>
    <t>特別養護老人ホーム　湖水苑</t>
  </si>
  <si>
    <t>699-0811</t>
  </si>
  <si>
    <t>島根県出雲市湖陵町差海３１８番地１</t>
  </si>
  <si>
    <t>0853-43-8955</t>
  </si>
  <si>
    <t>0853-43-0995</t>
  </si>
  <si>
    <t>社会福祉法人　真心会</t>
  </si>
  <si>
    <t>社会福祉法人　ほのぼの会</t>
  </si>
  <si>
    <t>社会福祉法人　ひまわり福祉会</t>
  </si>
  <si>
    <t>社会福祉法人　静和会</t>
  </si>
  <si>
    <t>社会福祉法人　おおつか福祉会</t>
  </si>
  <si>
    <t>社会福祉法人　恵寿会</t>
  </si>
  <si>
    <t>社会福祉法人　多伎の郷</t>
  </si>
  <si>
    <t>社会福祉法人　きづき会</t>
  </si>
  <si>
    <t>社会福祉法人　壽光会</t>
  </si>
  <si>
    <t>特別養護老人ホーム　眺峰園</t>
  </si>
  <si>
    <t>0854-82-2830</t>
  </si>
  <si>
    <t>0854-82-2986</t>
  </si>
  <si>
    <t>特別養護老人ホーム　さわらび苑</t>
  </si>
  <si>
    <t>694-0223</t>
  </si>
  <si>
    <t>島根県大田市三瓶町池田２６６１－３</t>
  </si>
  <si>
    <t>0854-83-2345</t>
  </si>
  <si>
    <t>0854-83-2349</t>
  </si>
  <si>
    <t>指定介護老人福祉施設　サンデイズ双葉園</t>
  </si>
  <si>
    <t>694-0054</t>
  </si>
  <si>
    <t>島根県大田市鳥井町鳥井１８８１番地１</t>
  </si>
  <si>
    <t>0854-84-0222</t>
  </si>
  <si>
    <t>0854-84-0224</t>
  </si>
  <si>
    <t>ゆうイング　さわらび</t>
  </si>
  <si>
    <t>694-0044</t>
  </si>
  <si>
    <t>島根県大田市長久町土江５５－２</t>
  </si>
  <si>
    <t>0854-84-0101</t>
  </si>
  <si>
    <t>0854-84-0102</t>
  </si>
  <si>
    <t>特別養護老人ホーム　湯の郷苑</t>
  </si>
  <si>
    <t>699-2513</t>
  </si>
  <si>
    <t>島根県大田市温泉津町上村４６１番地</t>
  </si>
  <si>
    <t>0855-65-3800</t>
  </si>
  <si>
    <t>0855-65-3812</t>
  </si>
  <si>
    <t>特別養護老人ホーム　しおさい</t>
  </si>
  <si>
    <t>699-2301</t>
  </si>
  <si>
    <t>島根県大田市仁摩町仁万町８４３</t>
  </si>
  <si>
    <t>0854-88-9141</t>
  </si>
  <si>
    <t>0854-88-9140</t>
  </si>
  <si>
    <t>社会福祉法人　島根県社会福祉事業団　</t>
  </si>
  <si>
    <t>社会福祉法人　放泉会</t>
  </si>
  <si>
    <t>社会福祉法人　吾郷会</t>
  </si>
  <si>
    <t>社会福祉法人　慈光会</t>
  </si>
  <si>
    <t>社会福祉法人　仁摩福祉会</t>
  </si>
  <si>
    <t>介護老人福祉施設　みどりの里やすらぎ荘</t>
  </si>
  <si>
    <t>696-0003</t>
  </si>
  <si>
    <t>島根県邑智郡川本町因原５７０番地１</t>
  </si>
  <si>
    <t>0855-72-3517</t>
  </si>
  <si>
    <t>0855-72-2727</t>
  </si>
  <si>
    <t>特別養護老人ホーム　双葉園</t>
  </si>
  <si>
    <t>699-4706</t>
  </si>
  <si>
    <t>島根県邑智郡美郷町滝原１６７番地１</t>
  </si>
  <si>
    <t>0855-75-1870</t>
  </si>
  <si>
    <t>0855-75-1871</t>
  </si>
  <si>
    <t>指定介護老人福祉施設　ハートランド双葉園</t>
  </si>
  <si>
    <t>696-0706</t>
  </si>
  <si>
    <t>島根県邑智郡美郷町長藤７４５－５</t>
  </si>
  <si>
    <t>0855-82-2500</t>
  </si>
  <si>
    <t>0855-82-2600</t>
  </si>
  <si>
    <t>特別養護老人ホーム　ゆめあいの丘</t>
  </si>
  <si>
    <t>696-0224</t>
  </si>
  <si>
    <t>島根県邑智郡邑南町上亀谷２１８０－２</t>
  </si>
  <si>
    <t>0855-83-1717</t>
  </si>
  <si>
    <t>0855-83-1700</t>
  </si>
  <si>
    <t>社会福祉法人　川本福祉会</t>
  </si>
  <si>
    <t>社会福祉法人　おおなん福祉会</t>
  </si>
  <si>
    <t>特別養護老人ホーム　あさぎり</t>
  </si>
  <si>
    <t>696-0603</t>
  </si>
  <si>
    <t>島根県邑智郡邑南町下口羽３９１－２</t>
  </si>
  <si>
    <t>0855-87-0001</t>
  </si>
  <si>
    <t>0855-87-0017</t>
  </si>
  <si>
    <t>特別養護老人ホーム　桃源の家</t>
  </si>
  <si>
    <t>696-0103</t>
  </si>
  <si>
    <t>0855-95-0001</t>
  </si>
  <si>
    <t>0855-95-0003</t>
  </si>
  <si>
    <t>白寿園</t>
  </si>
  <si>
    <t>695-0011</t>
  </si>
  <si>
    <t>島根県江津市江津町１１１０</t>
  </si>
  <si>
    <t>0855-52-0006</t>
  </si>
  <si>
    <t>0855-52-0207</t>
  </si>
  <si>
    <t>特別養護老人ホーム偕生園</t>
  </si>
  <si>
    <t>697-0024</t>
  </si>
  <si>
    <t>島根県浜田市黒川町１９６－１</t>
  </si>
  <si>
    <t>0855-23-5755</t>
  </si>
  <si>
    <t>特別養護老人ホーム　美川苑</t>
  </si>
  <si>
    <t>697-1331</t>
  </si>
  <si>
    <t>島根県浜田市内村町３６５－７</t>
  </si>
  <si>
    <t>0855-26-0333</t>
  </si>
  <si>
    <t>0855-26-0337</t>
  </si>
  <si>
    <t>特別養護老人ホーム　たんぽぽの里</t>
  </si>
  <si>
    <t>697-0063</t>
  </si>
  <si>
    <t>島根県浜田市長浜町１９００番地</t>
  </si>
  <si>
    <t>0855-26-0002</t>
  </si>
  <si>
    <t>0855-26-0066</t>
  </si>
  <si>
    <t>699-4431</t>
  </si>
  <si>
    <t>島根県江津市桜江町長谷２７２３番地２</t>
  </si>
  <si>
    <t>0855-92-8450</t>
  </si>
  <si>
    <t>0855-92-0711</t>
  </si>
  <si>
    <t>特別養護老人ホーム　かなぎ園</t>
  </si>
  <si>
    <t>697-0123</t>
  </si>
  <si>
    <t>島根県浜田市金城町七条イ１０４６－５</t>
  </si>
  <si>
    <t>0855-42-1888</t>
  </si>
  <si>
    <t>0855-42-0088</t>
  </si>
  <si>
    <t>697-1122</t>
  </si>
  <si>
    <t>島根県浜田市弥栄町木都賀イ５３９－１</t>
  </si>
  <si>
    <t>0855-48-2511</t>
  </si>
  <si>
    <t>0855-48-2220</t>
  </si>
  <si>
    <t>特別養護老人ホーム　あさひ園</t>
  </si>
  <si>
    <t>697-0422</t>
  </si>
  <si>
    <t>島根県浜田市旭町本郷３６２番地６</t>
  </si>
  <si>
    <t>0855-45-8231</t>
  </si>
  <si>
    <t>0855-45-8239</t>
  </si>
  <si>
    <t>特別養護老人ホーム　ミレ岡見</t>
  </si>
  <si>
    <t>699-3226</t>
  </si>
  <si>
    <t>島根県浜田市三隅町岡見７００番地</t>
  </si>
  <si>
    <t>0855-32-3900</t>
  </si>
  <si>
    <t>0855-32-3910</t>
  </si>
  <si>
    <t>社会福祉法人　浜田福祉会</t>
  </si>
  <si>
    <t>社会福祉法人　愛心会</t>
  </si>
  <si>
    <t>社会福祉法人　桜江福祉会</t>
  </si>
  <si>
    <t>社会福祉法人　弥栄福祉会</t>
  </si>
  <si>
    <t>特別養護老人ホーム　雪舟園</t>
  </si>
  <si>
    <t>0856-22-5200</t>
  </si>
  <si>
    <t>0856-22-5307</t>
  </si>
  <si>
    <t>特別養護老人ホーム　「ますだ」ハイツ</t>
  </si>
  <si>
    <t>698-0041</t>
  </si>
  <si>
    <t>島根県益田市高津４丁目６－４０</t>
  </si>
  <si>
    <t>0856-22-8588</t>
  </si>
  <si>
    <t>0856-22-5070</t>
  </si>
  <si>
    <t>特別養護老人ホームくしろ宝寿苑</t>
  </si>
  <si>
    <t>698-0001</t>
  </si>
  <si>
    <t>島根県益田市久城町５３１番地</t>
  </si>
  <si>
    <t>0856-31-2345</t>
  </si>
  <si>
    <t>0856-31-2348</t>
  </si>
  <si>
    <t>益田市立特別養護老人ホームもみじの里</t>
  </si>
  <si>
    <t>698-1211</t>
  </si>
  <si>
    <t>島根県益田市匹見町匹見イ１２０８番地</t>
  </si>
  <si>
    <t>0856-56-7030</t>
  </si>
  <si>
    <t>0856-56-7033</t>
  </si>
  <si>
    <t>社会福祉法人　梅寿会</t>
  </si>
  <si>
    <t>益田市立特別養護老人ホーム美寿苑</t>
  </si>
  <si>
    <t>698-0203</t>
  </si>
  <si>
    <t>島根県益田市美都町都茂１８７１番地９</t>
  </si>
  <si>
    <t>0856-52-3200</t>
  </si>
  <si>
    <t>0856-52-3201</t>
  </si>
  <si>
    <t>特別養護老人ホーム　シルバーリーフつわの</t>
  </si>
  <si>
    <t>699-5605</t>
  </si>
  <si>
    <t>島根県鹿足郡津和野町後田ロ１２６</t>
  </si>
  <si>
    <t>0856-72-4050</t>
  </si>
  <si>
    <t>0856-72-4052</t>
  </si>
  <si>
    <t>特別養護老人ホーム　星の里</t>
  </si>
  <si>
    <t>699-5221</t>
  </si>
  <si>
    <t>島根県鹿足郡津和野町日原５０－２</t>
  </si>
  <si>
    <t>0856-74-0026</t>
  </si>
  <si>
    <t>0856-74-0027</t>
  </si>
  <si>
    <t>特別養護老人ホーム　みろく苑</t>
  </si>
  <si>
    <t>699-5513</t>
  </si>
  <si>
    <t>島根県鹿足郡吉賀町六日市５８２－１</t>
  </si>
  <si>
    <t>0856-77-3100</t>
  </si>
  <si>
    <t>0856-77-1785</t>
  </si>
  <si>
    <t>特別養護老人ホーム　とびのこ苑</t>
  </si>
  <si>
    <t>699-5301</t>
  </si>
  <si>
    <t>0856-79-2692</t>
  </si>
  <si>
    <t>0856-79-2025</t>
  </si>
  <si>
    <t>社会福祉法人　つわの福祉会</t>
  </si>
  <si>
    <t>社会福祉法人　にちはら福祉会</t>
  </si>
  <si>
    <t>社会福祉法人　吉賀町社会福祉協議会</t>
  </si>
  <si>
    <t>685-0011</t>
  </si>
  <si>
    <t>島根県隠岐郡隠岐の島町栄町１０８８</t>
  </si>
  <si>
    <t>特別養護老人ホーム　鳴澤の里</t>
  </si>
  <si>
    <t>685-0104</t>
  </si>
  <si>
    <t>島根県隠岐郡隠岐の島町都万１７９１－１</t>
  </si>
  <si>
    <t>特別養護老人ホーム　諏訪苑</t>
  </si>
  <si>
    <t>684-0403</t>
  </si>
  <si>
    <t>島根県隠岐郡海士町海士３９６４</t>
  </si>
  <si>
    <t>08514-2-1600</t>
  </si>
  <si>
    <t>特別養護老人ホーム　和光苑</t>
  </si>
  <si>
    <t>684-0301</t>
  </si>
  <si>
    <t>島根県隠岐郡西ノ島町宇賀６９７</t>
  </si>
  <si>
    <t>08514-7-8116</t>
  </si>
  <si>
    <t>隠岐の島町立特別養護老人ホーム　なごみ苑</t>
  </si>
  <si>
    <t>685-0311</t>
  </si>
  <si>
    <t>島根県隠岐郡隠岐の島町郡４２５－５</t>
  </si>
  <si>
    <t>08512-5-3811</t>
  </si>
  <si>
    <t>08512-5-3812</t>
  </si>
  <si>
    <t>社会福祉法人　隠岐共生学園</t>
  </si>
  <si>
    <t>社会福祉法人　高田会</t>
  </si>
  <si>
    <t>社会福祉法人　あま福祉会</t>
  </si>
  <si>
    <t>社会福祉法人　西ノ島福祉会</t>
  </si>
  <si>
    <t>特別養護老人ホーム大野の郷</t>
    <rPh sb="0" eb="2">
      <t>トクベツ</t>
    </rPh>
    <rPh sb="2" eb="4">
      <t>ヨウゴ</t>
    </rPh>
    <rPh sb="4" eb="6">
      <t>ロウジン</t>
    </rPh>
    <rPh sb="9" eb="11">
      <t>オオノ</t>
    </rPh>
    <rPh sb="12" eb="13">
      <t>サト</t>
    </rPh>
    <phoneticPr fontId="2"/>
  </si>
  <si>
    <t>島根県松江市大野町167番地</t>
    <rPh sb="0" eb="3">
      <t>シマネケン</t>
    </rPh>
    <rPh sb="3" eb="6">
      <t>マツエシ</t>
    </rPh>
    <rPh sb="6" eb="9">
      <t>オオノチョウ</t>
    </rPh>
    <rPh sb="12" eb="14">
      <t>バンチ</t>
    </rPh>
    <phoneticPr fontId="2"/>
  </si>
  <si>
    <t>圏域</t>
  </si>
  <si>
    <t>事業種別</t>
  </si>
  <si>
    <t>松江</t>
  </si>
  <si>
    <t>老人福祉施設</t>
  </si>
  <si>
    <t>安来</t>
  </si>
  <si>
    <t>雲南</t>
  </si>
  <si>
    <t>出雲</t>
  </si>
  <si>
    <t>大田</t>
  </si>
  <si>
    <t>邑智</t>
  </si>
  <si>
    <t>浜田</t>
  </si>
  <si>
    <t>益田</t>
  </si>
  <si>
    <t>隠岐</t>
  </si>
  <si>
    <t>備考(申請者）</t>
    <rPh sb="0" eb="2">
      <t>ビコウ</t>
    </rPh>
    <rPh sb="3" eb="6">
      <t>シンセイシャ</t>
    </rPh>
    <phoneticPr fontId="2"/>
  </si>
  <si>
    <t>0852-24-4881</t>
    <phoneticPr fontId="2"/>
  </si>
  <si>
    <t>0854-23-0732</t>
  </si>
  <si>
    <t>特別養護老人ホーム　コーポ上口</t>
    <phoneticPr fontId="2"/>
  </si>
  <si>
    <t>特別養護老人ホーム　津田の里</t>
    <phoneticPr fontId="2"/>
  </si>
  <si>
    <t>0852-88-3302</t>
    <phoneticPr fontId="2"/>
  </si>
  <si>
    <t>0852-88-3312</t>
    <phoneticPr fontId="2"/>
  </si>
  <si>
    <t>介護老人福祉施設　ゆうなぎ苑</t>
    <phoneticPr fontId="2"/>
  </si>
  <si>
    <t>特別養護老人ホーム　やすぎの郷　</t>
    <phoneticPr fontId="2"/>
  </si>
  <si>
    <t>0854-23-0731</t>
    <phoneticPr fontId="2"/>
  </si>
  <si>
    <t>0854-43-9107</t>
    <phoneticPr fontId="2"/>
  </si>
  <si>
    <t>0853-53-2007</t>
    <phoneticPr fontId="2"/>
  </si>
  <si>
    <t>0853-53-2755</t>
    <phoneticPr fontId="2"/>
  </si>
  <si>
    <t>0853-53-5025</t>
    <phoneticPr fontId="2"/>
  </si>
  <si>
    <t>社会福祉法人　隠岐共生学園
特別養護老人ホーム　静和園</t>
    <phoneticPr fontId="2"/>
  </si>
  <si>
    <t>08514-2-1373</t>
    <phoneticPr fontId="2"/>
  </si>
  <si>
    <t>08514-7-8977</t>
    <phoneticPr fontId="2"/>
  </si>
  <si>
    <t>社会福祉法人　恩賜財団
済生会支部島根県済生会</t>
    <phoneticPr fontId="2"/>
  </si>
  <si>
    <t>0854-56-0081</t>
    <phoneticPr fontId="2"/>
  </si>
  <si>
    <t>0854-56-0083</t>
    <phoneticPr fontId="2"/>
  </si>
  <si>
    <t>08512-6-3200</t>
    <phoneticPr fontId="2"/>
  </si>
  <si>
    <t>08512-6-3211</t>
    <phoneticPr fontId="2"/>
  </si>
  <si>
    <t>08512-2-0541</t>
    <phoneticPr fontId="2"/>
  </si>
  <si>
    <t>08512-2-5349</t>
    <phoneticPr fontId="2"/>
  </si>
  <si>
    <t>特別養護老人ホーム　風の里　陽光苑</t>
    <phoneticPr fontId="2"/>
  </si>
  <si>
    <t>島根県鹿足郡吉賀町柿木村柿木80番地</t>
    <rPh sb="16" eb="18">
      <t>バンチ</t>
    </rPh>
    <phoneticPr fontId="2"/>
  </si>
  <si>
    <t>特別養護老人ホーム　かんべの里</t>
    <rPh sb="14" eb="15">
      <t>サト</t>
    </rPh>
    <phoneticPr fontId="2"/>
  </si>
  <si>
    <t>699-0622</t>
    <phoneticPr fontId="2"/>
  </si>
  <si>
    <t>0853-72-3097</t>
    <phoneticPr fontId="2"/>
  </si>
  <si>
    <t>0853-72-3190</t>
    <phoneticPr fontId="2"/>
  </si>
  <si>
    <t>社会福祉法人　喜和会</t>
    <rPh sb="7" eb="9">
      <t>ヨシカズ</t>
    </rPh>
    <rPh sb="9" eb="10">
      <t>カイ</t>
    </rPh>
    <phoneticPr fontId="2"/>
  </si>
  <si>
    <t>隠岐の島町（管理者　社会福祉法人 愛宕会）</t>
    <rPh sb="0" eb="2">
      <t>オキ</t>
    </rPh>
    <rPh sb="3" eb="5">
      <t>シマチョウ</t>
    </rPh>
    <rPh sb="6" eb="9">
      <t>カンリシャ</t>
    </rPh>
    <phoneticPr fontId="2"/>
  </si>
  <si>
    <t>社会福祉法人　おおの福祉会</t>
    <rPh sb="0" eb="2">
      <t>シャカイ</t>
    </rPh>
    <rPh sb="2" eb="4">
      <t>フクシ</t>
    </rPh>
    <rPh sb="4" eb="6">
      <t>ホウジン</t>
    </rPh>
    <rPh sb="10" eb="12">
      <t>フクシ</t>
    </rPh>
    <rPh sb="12" eb="13">
      <t>カイ</t>
    </rPh>
    <phoneticPr fontId="2"/>
  </si>
  <si>
    <t>社会福祉法人　やまゆり</t>
    <phoneticPr fontId="2"/>
  </si>
  <si>
    <t>社会福祉法人　かなぎ福祉会</t>
    <rPh sb="10" eb="12">
      <t>フクシ</t>
    </rPh>
    <rPh sb="12" eb="13">
      <t>カイ</t>
    </rPh>
    <phoneticPr fontId="2"/>
  </si>
  <si>
    <t>0854-28-6223</t>
    <phoneticPr fontId="2"/>
  </si>
  <si>
    <t>699-0202</t>
    <phoneticPr fontId="2"/>
  </si>
  <si>
    <t>島根県松江市玉湯町湯町１９２４番地１</t>
    <rPh sb="3" eb="6">
      <t>マツエシ</t>
    </rPh>
    <rPh sb="6" eb="9">
      <t>タマユチョウ</t>
    </rPh>
    <rPh sb="9" eb="11">
      <t>ユマチ</t>
    </rPh>
    <rPh sb="15" eb="17">
      <t>バンチ</t>
    </rPh>
    <phoneticPr fontId="2"/>
  </si>
  <si>
    <t>0852-62-8500</t>
    <phoneticPr fontId="2"/>
  </si>
  <si>
    <t>0852-62-8504</t>
    <phoneticPr fontId="2"/>
  </si>
  <si>
    <t>社会福祉法人　隠岐共生学園</t>
    <rPh sb="7" eb="9">
      <t>オキ</t>
    </rPh>
    <rPh sb="9" eb="11">
      <t>キョウセイ</t>
    </rPh>
    <rPh sb="11" eb="13">
      <t>ガクエン</t>
    </rPh>
    <phoneticPr fontId="2"/>
  </si>
  <si>
    <t>松江</t>
    <rPh sb="0" eb="2">
      <t>マツエ</t>
    </rPh>
    <phoneticPr fontId="2"/>
  </si>
  <si>
    <t>690-0823</t>
    <phoneticPr fontId="2"/>
  </si>
  <si>
    <t>島根県松江市西川津町７３３番地１</t>
    <rPh sb="3" eb="6">
      <t>マツエシ</t>
    </rPh>
    <rPh sb="6" eb="10">
      <t>ニシカワツチョウ</t>
    </rPh>
    <rPh sb="13" eb="15">
      <t>バンチ</t>
    </rPh>
    <phoneticPr fontId="2"/>
  </si>
  <si>
    <t>0852-27-0081</t>
    <phoneticPr fontId="2"/>
  </si>
  <si>
    <t>0852-27-0071</t>
    <phoneticPr fontId="2"/>
  </si>
  <si>
    <t>社会福祉法人　しらゆり会</t>
    <rPh sb="11" eb="12">
      <t>カイ</t>
    </rPh>
    <phoneticPr fontId="2"/>
  </si>
  <si>
    <t>社会福祉法人　かも福祉会</t>
    <rPh sb="0" eb="2">
      <t>シャカイ</t>
    </rPh>
    <rPh sb="9" eb="11">
      <t>フクシ</t>
    </rPh>
    <rPh sb="11" eb="12">
      <t>カイ</t>
    </rPh>
    <phoneticPr fontId="2"/>
  </si>
  <si>
    <t>社会福祉法人　旭福祉会</t>
    <rPh sb="10" eb="11">
      <t>カイ</t>
    </rPh>
    <phoneticPr fontId="2"/>
  </si>
  <si>
    <t>社会福祉法人いわみ福祉会</t>
    <phoneticPr fontId="2"/>
  </si>
  <si>
    <t>島根県大田市川合町吉永１０２５－１</t>
    <rPh sb="6" eb="8">
      <t>カワイ</t>
    </rPh>
    <phoneticPr fontId="2"/>
  </si>
  <si>
    <t>697-1326</t>
    <phoneticPr fontId="2"/>
  </si>
  <si>
    <t>島根県浜田市治和町４０番地５</t>
    <rPh sb="3" eb="6">
      <t>ハマダシ</t>
    </rPh>
    <rPh sb="6" eb="9">
      <t>チワチョウ</t>
    </rPh>
    <rPh sb="11" eb="13">
      <t>バンチ</t>
    </rPh>
    <phoneticPr fontId="2"/>
  </si>
  <si>
    <t>0855-24-7366</t>
    <phoneticPr fontId="2"/>
  </si>
  <si>
    <t>0855-27-3666</t>
    <phoneticPr fontId="2"/>
  </si>
  <si>
    <t>社会福祉法人　たつの会</t>
    <rPh sb="10" eb="11">
      <t>カイ</t>
    </rPh>
    <phoneticPr fontId="2"/>
  </si>
  <si>
    <t>浜田</t>
    <rPh sb="0" eb="2">
      <t>ハマダ</t>
    </rPh>
    <phoneticPr fontId="2"/>
  </si>
  <si>
    <t>0855-53-5007</t>
    <phoneticPr fontId="2"/>
  </si>
  <si>
    <t>社会福祉法人　東輝会</t>
    <rPh sb="7" eb="9">
      <t>トウキ</t>
    </rPh>
    <rPh sb="9" eb="10">
      <t>カイ</t>
    </rPh>
    <phoneticPr fontId="2"/>
  </si>
  <si>
    <t>699-3162</t>
    <phoneticPr fontId="2"/>
  </si>
  <si>
    <t>0855-53-5016</t>
    <phoneticPr fontId="2"/>
  </si>
  <si>
    <t>清流園地域密着型介護老人福祉施設</t>
    <rPh sb="0" eb="2">
      <t>セイリュウ</t>
    </rPh>
    <rPh sb="2" eb="3">
      <t>エン</t>
    </rPh>
    <rPh sb="3" eb="5">
      <t>チイキ</t>
    </rPh>
    <rPh sb="5" eb="8">
      <t>ミッチャクガタ</t>
    </rPh>
    <rPh sb="8" eb="10">
      <t>カイゴ</t>
    </rPh>
    <rPh sb="10" eb="12">
      <t>ロウジン</t>
    </rPh>
    <rPh sb="12" eb="14">
      <t>フクシ</t>
    </rPh>
    <rPh sb="14" eb="16">
      <t>シセツ</t>
    </rPh>
    <phoneticPr fontId="2"/>
  </si>
  <si>
    <t>島根県出雲市大津町３５２９番地</t>
    <rPh sb="3" eb="6">
      <t>イズモシ</t>
    </rPh>
    <rPh sb="6" eb="8">
      <t>オオツ</t>
    </rPh>
    <rPh sb="13" eb="15">
      <t>バンチ</t>
    </rPh>
    <phoneticPr fontId="2"/>
  </si>
  <si>
    <t>社会福祉法人　静和会</t>
    <rPh sb="7" eb="9">
      <t>シズワ</t>
    </rPh>
    <rPh sb="9" eb="10">
      <t>カイ</t>
    </rPh>
    <phoneticPr fontId="2"/>
  </si>
  <si>
    <t>特別養護老人ホームかんどの里</t>
    <rPh sb="0" eb="2">
      <t>トクベツ</t>
    </rPh>
    <rPh sb="13" eb="14">
      <t>サト</t>
    </rPh>
    <phoneticPr fontId="2"/>
  </si>
  <si>
    <t>島根県出雲市神門町１４番地１</t>
    <rPh sb="3" eb="6">
      <t>イズモシ</t>
    </rPh>
    <rPh sb="6" eb="9">
      <t>カンドチョウ</t>
    </rPh>
    <rPh sb="11" eb="13">
      <t>バンチ</t>
    </rPh>
    <phoneticPr fontId="2"/>
  </si>
  <si>
    <t>社会福祉法人　神門福祉会</t>
    <rPh sb="7" eb="9">
      <t>カンド</t>
    </rPh>
    <rPh sb="9" eb="11">
      <t>フクシ</t>
    </rPh>
    <rPh sb="11" eb="12">
      <t>カイ</t>
    </rPh>
    <phoneticPr fontId="2"/>
  </si>
  <si>
    <t xml:space="preserve">693-0034 </t>
    <phoneticPr fontId="2"/>
  </si>
  <si>
    <t>特別養護老人ホーム　弥栄苑新館</t>
    <rPh sb="13" eb="15">
      <t>シンカン</t>
    </rPh>
    <phoneticPr fontId="2"/>
  </si>
  <si>
    <t>特別養護老人ホーム　弥栄苑本館</t>
    <rPh sb="13" eb="15">
      <t>ホンカン</t>
    </rPh>
    <phoneticPr fontId="2"/>
  </si>
  <si>
    <t>出雲</t>
    <rPh sb="0" eb="2">
      <t>イズモ</t>
    </rPh>
    <phoneticPr fontId="2"/>
  </si>
  <si>
    <t>島根県松江市東出雲町出雲郷４９３番地</t>
    <rPh sb="3" eb="6">
      <t>マツエシ</t>
    </rPh>
    <phoneticPr fontId="2"/>
  </si>
  <si>
    <t>島根県出雲市斐川町学頭１３６０－１</t>
    <rPh sb="3" eb="6">
      <t>イズモシ</t>
    </rPh>
    <phoneticPr fontId="2"/>
  </si>
  <si>
    <t>島根県出雲市斐川町上直江１８２９番地１</t>
    <rPh sb="3" eb="6">
      <t>イズモシ</t>
    </rPh>
    <phoneticPr fontId="2"/>
  </si>
  <si>
    <t>島根県出雲市斐川町名島９３番地２</t>
    <rPh sb="3" eb="6">
      <t>イズモシ</t>
    </rPh>
    <rPh sb="8" eb="9">
      <t>チョウ</t>
    </rPh>
    <rPh sb="9" eb="10">
      <t>ナ</t>
    </rPh>
    <rPh sb="10" eb="11">
      <t>シマ</t>
    </rPh>
    <phoneticPr fontId="2"/>
  </si>
  <si>
    <t>0853-22-8706</t>
    <phoneticPr fontId="2"/>
  </si>
  <si>
    <t>0853-22-7267</t>
    <phoneticPr fontId="2"/>
  </si>
  <si>
    <t>0853-20-1150</t>
    <phoneticPr fontId="2"/>
  </si>
  <si>
    <t>0853-20-1153</t>
    <phoneticPr fontId="2"/>
  </si>
  <si>
    <t>老人福祉施設</t>
    <phoneticPr fontId="2"/>
  </si>
  <si>
    <t>特別養護老人ホーム　あさひ園</t>
    <rPh sb="0" eb="2">
      <t>トクベツ</t>
    </rPh>
    <rPh sb="13" eb="14">
      <t>エン</t>
    </rPh>
    <phoneticPr fontId="2"/>
  </si>
  <si>
    <t>697-0424</t>
    <phoneticPr fontId="2"/>
  </si>
  <si>
    <t>島根県江津市敬川町１番２</t>
    <phoneticPr fontId="2"/>
  </si>
  <si>
    <t>島根県浜田市旭町本郷３６２番地６</t>
    <rPh sb="0" eb="3">
      <t>シマネケン</t>
    </rPh>
    <rPh sb="3" eb="6">
      <t>ハマダシ</t>
    </rPh>
    <rPh sb="6" eb="8">
      <t>アサヒマチ</t>
    </rPh>
    <rPh sb="8" eb="10">
      <t>ホンゴウ</t>
    </rPh>
    <rPh sb="13" eb="15">
      <t>バンチ</t>
    </rPh>
    <phoneticPr fontId="2"/>
  </si>
  <si>
    <t>0855-45-8231</t>
    <phoneticPr fontId="2"/>
  </si>
  <si>
    <t>0855-45-8239</t>
    <phoneticPr fontId="2"/>
  </si>
  <si>
    <t>社会福祉法人　旭福祉会</t>
    <rPh sb="0" eb="2">
      <t>シャカイ</t>
    </rPh>
    <rPh sb="2" eb="4">
      <t>フクシ</t>
    </rPh>
    <rPh sb="4" eb="6">
      <t>ホウジン</t>
    </rPh>
    <rPh sb="7" eb="8">
      <t>アサヒ</t>
    </rPh>
    <rPh sb="8" eb="10">
      <t>フクシ</t>
    </rPh>
    <rPh sb="10" eb="11">
      <t>カイ</t>
    </rPh>
    <phoneticPr fontId="2"/>
  </si>
  <si>
    <t>698-0043</t>
    <phoneticPr fontId="2"/>
  </si>
  <si>
    <t>0855-23-7445</t>
    <phoneticPr fontId="2"/>
  </si>
  <si>
    <t>690-1212</t>
    <phoneticPr fontId="2"/>
  </si>
  <si>
    <t>島根県松江市島根町野波２３１８番地３</t>
    <rPh sb="9" eb="11">
      <t>ノナミ</t>
    </rPh>
    <rPh sb="15" eb="17">
      <t>バンチ</t>
    </rPh>
    <phoneticPr fontId="2"/>
  </si>
  <si>
    <t>0852-85-9700</t>
    <phoneticPr fontId="2"/>
  </si>
  <si>
    <t>0852-85-3702</t>
    <phoneticPr fontId="2"/>
  </si>
  <si>
    <t>特別養護老人ホーム　万田の郷（新型）</t>
    <rPh sb="15" eb="17">
      <t>シンガタ</t>
    </rPh>
    <phoneticPr fontId="2"/>
  </si>
  <si>
    <t>特別養護老人ホーム　みとやの郷</t>
    <rPh sb="14" eb="15">
      <t>サト</t>
    </rPh>
    <phoneticPr fontId="2"/>
  </si>
  <si>
    <t>690-2634</t>
    <phoneticPr fontId="2"/>
  </si>
  <si>
    <t>島根県雲南市三刀屋町乙加宮３４００番地２</t>
    <rPh sb="6" eb="10">
      <t>ミトヤチョウ</t>
    </rPh>
    <rPh sb="10" eb="11">
      <t>オツ</t>
    </rPh>
    <rPh sb="11" eb="12">
      <t>クワ</t>
    </rPh>
    <rPh sb="12" eb="13">
      <t>ミヤ</t>
    </rPh>
    <rPh sb="17" eb="19">
      <t>バンチ</t>
    </rPh>
    <phoneticPr fontId="2"/>
  </si>
  <si>
    <t>0854-45-0251</t>
    <phoneticPr fontId="2"/>
  </si>
  <si>
    <t>0854-45-0252</t>
    <phoneticPr fontId="2"/>
  </si>
  <si>
    <t>社会福祉法人　萌友福祉会</t>
    <rPh sb="7" eb="8">
      <t>モ</t>
    </rPh>
    <rPh sb="8" eb="9">
      <t>トモ</t>
    </rPh>
    <rPh sb="9" eb="11">
      <t>フクシ</t>
    </rPh>
    <rPh sb="11" eb="12">
      <t>カイ</t>
    </rPh>
    <phoneticPr fontId="2"/>
  </si>
  <si>
    <t>地域密着型特別養護老人ホーム　あさひ乃苑</t>
    <phoneticPr fontId="2"/>
  </si>
  <si>
    <t>690-0121</t>
  </si>
  <si>
    <t>島根県松江市古志町１９１－１０</t>
  </si>
  <si>
    <t>0852-61-1154</t>
  </si>
  <si>
    <t>0852-61-0054</t>
  </si>
  <si>
    <t>特別養護老人ホーム　本郷園</t>
  </si>
  <si>
    <t>698-0026</t>
  </si>
  <si>
    <t>島根県益田市下本郷町４４０番地</t>
  </si>
  <si>
    <t>0856-25-7100</t>
  </si>
  <si>
    <t>0856-25-7105</t>
  </si>
  <si>
    <t>社会福祉法人　芳清会</t>
    <phoneticPr fontId="2"/>
  </si>
  <si>
    <t>社会福祉法人　隠岐共生学園
ユニット型特別養護老人ホーム　静和園</t>
    <rPh sb="18" eb="19">
      <t>ガタ</t>
    </rPh>
    <phoneticPr fontId="2"/>
  </si>
  <si>
    <t>ユニット型特別養護老人ホーム　なのはな園</t>
    <rPh sb="4" eb="5">
      <t>ガタ</t>
    </rPh>
    <phoneticPr fontId="2"/>
  </si>
  <si>
    <t>特別養護老人ホーム　さくら苑さくらんぼの家</t>
    <rPh sb="20" eb="21">
      <t>イエ</t>
    </rPh>
    <phoneticPr fontId="2"/>
  </si>
  <si>
    <t>特別養護老人ホーム　しおさい新館</t>
    <rPh sb="14" eb="16">
      <t>シンカン</t>
    </rPh>
    <phoneticPr fontId="2"/>
  </si>
  <si>
    <t>社会福祉法人　石見さくら会</t>
    <rPh sb="0" eb="2">
      <t>シャカイ</t>
    </rPh>
    <phoneticPr fontId="2"/>
  </si>
  <si>
    <t>特別養護老人ホーム　厚生センター八雲</t>
    <phoneticPr fontId="2"/>
  </si>
  <si>
    <t>老人福祉施設</t>
    <rPh sb="0" eb="2">
      <t>ロウジン</t>
    </rPh>
    <rPh sb="2" eb="4">
      <t>フクシ</t>
    </rPh>
    <rPh sb="4" eb="6">
      <t>シセツ</t>
    </rPh>
    <phoneticPr fontId="2"/>
  </si>
  <si>
    <t>特別養護老人ホーム　陽溜の郷</t>
    <rPh sb="0" eb="2">
      <t>トクベツ</t>
    </rPh>
    <rPh sb="2" eb="4">
      <t>ヨウゴ</t>
    </rPh>
    <rPh sb="4" eb="6">
      <t>ロウジン</t>
    </rPh>
    <rPh sb="10" eb="12">
      <t>ヒダ</t>
    </rPh>
    <rPh sb="13" eb="14">
      <t>サト</t>
    </rPh>
    <phoneticPr fontId="2"/>
  </si>
  <si>
    <t>690-0024</t>
    <phoneticPr fontId="2"/>
  </si>
  <si>
    <t>島根県松江市馬潟町８１番地１</t>
    <rPh sb="0" eb="3">
      <t>シマネケン</t>
    </rPh>
    <rPh sb="3" eb="6">
      <t>マツエシ</t>
    </rPh>
    <rPh sb="6" eb="7">
      <t>ウマ</t>
    </rPh>
    <rPh sb="11" eb="13">
      <t>バンチ</t>
    </rPh>
    <phoneticPr fontId="2"/>
  </si>
  <si>
    <t>0852-38-8129</t>
    <phoneticPr fontId="2"/>
  </si>
  <si>
    <t>社会福祉法人　陽恵福祉会</t>
    <rPh sb="0" eb="2">
      <t>シャカイ</t>
    </rPh>
    <rPh sb="2" eb="4">
      <t>フクシ</t>
    </rPh>
    <rPh sb="4" eb="6">
      <t>ホウジン</t>
    </rPh>
    <rPh sb="7" eb="8">
      <t>ヒ</t>
    </rPh>
    <rPh sb="8" eb="9">
      <t>メグ</t>
    </rPh>
    <rPh sb="9" eb="12">
      <t>フクシカイ</t>
    </rPh>
    <phoneticPr fontId="2"/>
  </si>
  <si>
    <t>宍道楽苑</t>
    <phoneticPr fontId="2"/>
  </si>
  <si>
    <t>社会福祉法人　縁むすび福祉会</t>
    <phoneticPr fontId="2"/>
  </si>
  <si>
    <t>0852-66-7835</t>
    <phoneticPr fontId="2"/>
  </si>
  <si>
    <t>0852-66-3935</t>
    <phoneticPr fontId="2"/>
  </si>
  <si>
    <t>島根県松江市宍道町伊志見603番地1</t>
    <rPh sb="0" eb="3">
      <t>シマネケン</t>
    </rPh>
    <phoneticPr fontId="2"/>
  </si>
  <si>
    <t xml:space="preserve">699-0407 </t>
    <phoneticPr fontId="2"/>
  </si>
  <si>
    <t>地域密着型特別養護老人ホーム　わこう荘</t>
    <phoneticPr fontId="2"/>
  </si>
  <si>
    <t>0852-67-1207</t>
    <phoneticPr fontId="2"/>
  </si>
  <si>
    <t>0852-67-1206</t>
    <phoneticPr fontId="2"/>
  </si>
  <si>
    <t>社会福祉法人　若幸会</t>
    <phoneticPr fontId="2"/>
  </si>
  <si>
    <t>島根県松江市東出雲町下意東3145番地</t>
    <rPh sb="0" eb="3">
      <t>シマネケン</t>
    </rPh>
    <phoneticPr fontId="2"/>
  </si>
  <si>
    <t xml:space="preserve">699-0102 </t>
    <phoneticPr fontId="2"/>
  </si>
  <si>
    <t>特別養護老人ホーム　天神</t>
    <rPh sb="10" eb="12">
      <t>テンジン</t>
    </rPh>
    <phoneticPr fontId="2"/>
  </si>
  <si>
    <t>特別養護老人ホーム　サテライトおやま</t>
    <phoneticPr fontId="2"/>
  </si>
  <si>
    <t>0853-23-6149</t>
    <phoneticPr fontId="2"/>
  </si>
  <si>
    <t>島根県出雲市天神町１６３番地９</t>
    <rPh sb="6" eb="8">
      <t>テンジン</t>
    </rPh>
    <rPh sb="8" eb="9">
      <t>マチ</t>
    </rPh>
    <rPh sb="12" eb="14">
      <t>バンチ</t>
    </rPh>
    <phoneticPr fontId="2"/>
  </si>
  <si>
    <t>0853-25-0750</t>
    <phoneticPr fontId="2"/>
  </si>
  <si>
    <t xml:space="preserve">693-0005 </t>
    <phoneticPr fontId="2"/>
  </si>
  <si>
    <t>特別養護老人ホーム　ロング・レン</t>
    <rPh sb="0" eb="2">
      <t>トクベツ</t>
    </rPh>
    <rPh sb="2" eb="4">
      <t>ヨウゴ</t>
    </rPh>
    <rPh sb="4" eb="6">
      <t>ロウジン</t>
    </rPh>
    <phoneticPr fontId="2"/>
  </si>
  <si>
    <t>697-0023</t>
    <phoneticPr fontId="2"/>
  </si>
  <si>
    <t>島根県浜田市長沢町１４２８－６</t>
    <rPh sb="0" eb="3">
      <t>シマネケン</t>
    </rPh>
    <rPh sb="3" eb="6">
      <t>ハマダシ</t>
    </rPh>
    <rPh sb="6" eb="8">
      <t>ナガサワ</t>
    </rPh>
    <rPh sb="8" eb="9">
      <t>マチ</t>
    </rPh>
    <phoneticPr fontId="2"/>
  </si>
  <si>
    <t>0855-25-5269</t>
    <phoneticPr fontId="2"/>
  </si>
  <si>
    <t>0855-25-5289</t>
    <phoneticPr fontId="2"/>
  </si>
  <si>
    <t>社会福祉法人　水澄み会</t>
    <rPh sb="0" eb="2">
      <t>シャカイ</t>
    </rPh>
    <rPh sb="2" eb="4">
      <t>フクシ</t>
    </rPh>
    <rPh sb="4" eb="6">
      <t>ホウジン</t>
    </rPh>
    <rPh sb="7" eb="8">
      <t>ミズ</t>
    </rPh>
    <rPh sb="8" eb="9">
      <t>ス</t>
    </rPh>
    <rPh sb="10" eb="11">
      <t>カイ</t>
    </rPh>
    <phoneticPr fontId="2"/>
  </si>
  <si>
    <t>島根県出雲市万田町５３８番地</t>
    <phoneticPr fontId="2"/>
  </si>
  <si>
    <t>島根県邑智郡邑南町中野５７４番地３</t>
    <rPh sb="9" eb="10">
      <t>ナカ</t>
    </rPh>
    <rPh sb="10" eb="11">
      <t>ノ</t>
    </rPh>
    <phoneticPr fontId="2"/>
  </si>
  <si>
    <t>島根県大田市仁摩町仁万８４３</t>
    <phoneticPr fontId="2"/>
  </si>
  <si>
    <t>島根県益田市かもしま北町７－３</t>
  </si>
  <si>
    <t>島根県松江市西川津町下追子1611番地1</t>
    <rPh sb="0" eb="3">
      <t>シマネケン</t>
    </rPh>
    <rPh sb="3" eb="6">
      <t>マツエシ</t>
    </rPh>
    <rPh sb="6" eb="10">
      <t>ニシカワツチョウ</t>
    </rPh>
    <rPh sb="10" eb="11">
      <t>シタ</t>
    </rPh>
    <rPh sb="11" eb="12">
      <t>オ</t>
    </rPh>
    <rPh sb="12" eb="13">
      <t>コ</t>
    </rPh>
    <rPh sb="17" eb="19">
      <t>バンチ</t>
    </rPh>
    <phoneticPr fontId="2"/>
  </si>
  <si>
    <t>0852-67-6777</t>
    <phoneticPr fontId="2"/>
  </si>
  <si>
    <t>0852-67-6211</t>
    <phoneticPr fontId="2"/>
  </si>
  <si>
    <t>社会福祉法人　湖北ふれあい</t>
    <rPh sb="0" eb="2">
      <t>シャカイ</t>
    </rPh>
    <rPh sb="2" eb="4">
      <t>フクシ</t>
    </rPh>
    <rPh sb="4" eb="6">
      <t>ホウジン</t>
    </rPh>
    <rPh sb="7" eb="9">
      <t>コホク</t>
    </rPh>
    <phoneticPr fontId="2"/>
  </si>
  <si>
    <t>690-0860</t>
    <phoneticPr fontId="2"/>
  </si>
  <si>
    <t>690-0264</t>
    <phoneticPr fontId="2"/>
  </si>
  <si>
    <t>0852-38-8155</t>
    <phoneticPr fontId="2"/>
  </si>
  <si>
    <t>699-0731</t>
    <phoneticPr fontId="2"/>
  </si>
  <si>
    <t>694-0013</t>
    <phoneticPr fontId="2"/>
  </si>
  <si>
    <t>島根県松江市法吉町６２４－１</t>
    <phoneticPr fontId="2"/>
  </si>
  <si>
    <t>島根県出雲市園町字妻ノ神２６０６番地１</t>
    <phoneticPr fontId="2"/>
  </si>
  <si>
    <t>地域密着型特別養護老人ホーム　故郷－敬川　　　　　</t>
    <rPh sb="0" eb="2">
      <t>チイキ</t>
    </rPh>
    <rPh sb="2" eb="5">
      <t>ミッチャクガタ</t>
    </rPh>
    <rPh sb="15" eb="17">
      <t>フルサト</t>
    </rPh>
    <rPh sb="18" eb="20">
      <t>ウヤガワ</t>
    </rPh>
    <phoneticPr fontId="2"/>
  </si>
  <si>
    <t>地域密着型介護老人福祉施設入所者生活介護 Aoi</t>
    <rPh sb="0" eb="2">
      <t>チイキ</t>
    </rPh>
    <rPh sb="2" eb="5">
      <t>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6">
      <t>ニュウショシャ</t>
    </rPh>
    <rPh sb="16" eb="18">
      <t>セイカツ</t>
    </rPh>
    <rPh sb="18" eb="20">
      <t>カイゴ</t>
    </rPh>
    <phoneticPr fontId="2"/>
  </si>
  <si>
    <t>地域密着型特別養護老人ホーム　たまゆの杜　　　　　　</t>
    <rPh sb="0" eb="2">
      <t>チイキ</t>
    </rPh>
    <rPh sb="2" eb="5">
      <t>ミッチャクガタ</t>
    </rPh>
    <rPh sb="19" eb="20">
      <t>モリ</t>
    </rPh>
    <phoneticPr fontId="2"/>
  </si>
  <si>
    <t>地域密着型特別養護老人ホーム いやしの館　　　　　</t>
    <rPh sb="0" eb="2">
      <t>チイキ</t>
    </rPh>
    <rPh sb="2" eb="5">
      <t>ミッチャクガタ</t>
    </rPh>
    <rPh sb="19" eb="20">
      <t>ヤカタ</t>
    </rPh>
    <phoneticPr fontId="2"/>
  </si>
  <si>
    <t>地域密着型介護老人福祉施設 ゆうなぎホーム</t>
    <rPh sb="0" eb="2">
      <t>チイキ</t>
    </rPh>
    <rPh sb="2" eb="4">
      <t>ミッチャク</t>
    </rPh>
    <rPh sb="4" eb="5">
      <t>ガタ</t>
    </rPh>
    <rPh sb="5" eb="7">
      <t>カイゴ</t>
    </rPh>
    <rPh sb="7" eb="9">
      <t>ロウジン</t>
    </rPh>
    <rPh sb="9" eb="11">
      <t>フクシ</t>
    </rPh>
    <rPh sb="11" eb="13">
      <t>シセツ</t>
    </rPh>
    <phoneticPr fontId="2"/>
  </si>
  <si>
    <t>地域密着型特別養護老人ホーム　福寿草　　　　　</t>
    <rPh sb="0" eb="2">
      <t>チイキ</t>
    </rPh>
    <rPh sb="2" eb="5">
      <t>ミッチャクガタ</t>
    </rPh>
    <rPh sb="15" eb="18">
      <t>フクジュソウ</t>
    </rPh>
    <phoneticPr fontId="2"/>
  </si>
  <si>
    <t>安来市　（管理者　社会福祉法人　伯医会）</t>
    <rPh sb="0" eb="3">
      <t>ヤスギシ</t>
    </rPh>
    <rPh sb="5" eb="8">
      <t>カンリシャ</t>
    </rPh>
    <rPh sb="16" eb="17">
      <t>ハク</t>
    </rPh>
    <rPh sb="17" eb="18">
      <t>イ</t>
    </rPh>
    <rPh sb="18" eb="19">
      <t>カイ</t>
    </rPh>
    <phoneticPr fontId="2"/>
  </si>
  <si>
    <t>吉賀町　（管理者　社会福祉法人吉賀町社会福祉協議会）</t>
    <rPh sb="0" eb="1">
      <t>ヨシ</t>
    </rPh>
    <rPh sb="1" eb="2">
      <t>ガ</t>
    </rPh>
    <rPh sb="2" eb="3">
      <t>チョウ</t>
    </rPh>
    <rPh sb="5" eb="8">
      <t>カンリシャ</t>
    </rPh>
    <rPh sb="9" eb="11">
      <t>シャカイ</t>
    </rPh>
    <phoneticPr fontId="2"/>
  </si>
  <si>
    <t>緯度</t>
    <rPh sb="0" eb="2">
      <t>イド</t>
    </rPh>
    <phoneticPr fontId="2"/>
  </si>
  <si>
    <t>経度</t>
    <rPh sb="0" eb="2">
      <t>ケイド</t>
    </rPh>
    <phoneticPr fontId="2"/>
  </si>
  <si>
    <t>社会福祉法人　藤美会</t>
    <phoneticPr fontId="2"/>
  </si>
  <si>
    <t>安来市　（管理者　社会福祉法人　太陽とみどりの里）</t>
    <rPh sb="0" eb="3">
      <t>ヤスギシ</t>
    </rPh>
    <rPh sb="5" eb="8">
      <t>カンリシャ</t>
    </rPh>
    <phoneticPr fontId="2"/>
  </si>
  <si>
    <t>雲南市　(管理者　社会福祉法人雲南市社会福祉協議会)</t>
    <rPh sb="0" eb="2">
      <t>ウンナン</t>
    </rPh>
    <rPh sb="2" eb="3">
      <t>シ</t>
    </rPh>
    <rPh sb="5" eb="8">
      <t>カンリシャ</t>
    </rPh>
    <rPh sb="9" eb="11">
      <t>シャカイ</t>
    </rPh>
    <phoneticPr fontId="2"/>
  </si>
  <si>
    <t>益田市　（管理者　社会福祉法人益田市社会福祉協議会）</t>
    <rPh sb="0" eb="3">
      <t>マスダシ</t>
    </rPh>
    <rPh sb="5" eb="8">
      <t>カンリシャ</t>
    </rPh>
    <phoneticPr fontId="2"/>
  </si>
  <si>
    <t>特別養護老人ホーム</t>
    <rPh sb="0" eb="2">
      <t>トクベツ</t>
    </rPh>
    <rPh sb="2" eb="4">
      <t>ヨウゴ</t>
    </rPh>
    <rPh sb="4" eb="6">
      <t>ロウジン</t>
    </rPh>
    <phoneticPr fontId="2"/>
  </si>
  <si>
    <t>地域密着型特別養護老人ホーム</t>
    <rPh sb="0" eb="2">
      <t>チイキ</t>
    </rPh>
    <rPh sb="2" eb="5">
      <t>ミッチャクガタ</t>
    </rPh>
    <rPh sb="5" eb="7">
      <t>トクベツ</t>
    </rPh>
    <rPh sb="7" eb="9">
      <t>ヨウゴ</t>
    </rPh>
    <rPh sb="9" eb="11">
      <t>ロウジン</t>
    </rPh>
    <phoneticPr fontId="2"/>
  </si>
  <si>
    <t>うちﾕﾆｯﾄ</t>
    <phoneticPr fontId="2"/>
  </si>
  <si>
    <t>番号</t>
    <rPh sb="0" eb="2">
      <t>バンゴウ</t>
    </rPh>
    <phoneticPr fontId="2"/>
  </si>
  <si>
    <t>種類</t>
    <rPh sb="0" eb="2">
      <t>シュル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mm/dd"/>
    <numFmt numFmtId="177" formatCode="[$-411]ge/mm/dd"/>
  </numFmts>
  <fonts count="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">
    <xf numFmtId="0" fontId="0" fillId="0" borderId="0" xfId="0">
      <alignment vertical="center"/>
    </xf>
    <xf numFmtId="0" fontId="0" fillId="0" borderId="0" xfId="0" applyFont="1" applyAlignment="1">
      <alignment vertical="center"/>
    </xf>
    <xf numFmtId="0" fontId="0" fillId="0" borderId="1" xfId="0" applyFont="1" applyFill="1" applyBorder="1" applyAlignment="1">
      <alignment vertical="center"/>
    </xf>
    <xf numFmtId="0" fontId="0" fillId="0" borderId="1" xfId="0" applyFont="1" applyFill="1" applyBorder="1" applyAlignment="1" applyProtection="1">
      <alignment vertical="center"/>
    </xf>
    <xf numFmtId="176" fontId="0" fillId="0" borderId="1" xfId="0" applyNumberFormat="1" applyFont="1" applyFill="1" applyBorder="1" applyAlignment="1" applyProtection="1">
      <alignment vertical="center"/>
    </xf>
    <xf numFmtId="177" fontId="0" fillId="0" borderId="1" xfId="0" applyNumberFormat="1" applyFont="1" applyFill="1" applyBorder="1" applyAlignment="1" applyProtection="1">
      <alignment vertical="center"/>
    </xf>
    <xf numFmtId="0" fontId="3" fillId="0" borderId="1" xfId="0" applyFont="1" applyFill="1" applyBorder="1" applyAlignment="1" applyProtection="1">
      <alignment vertical="center"/>
    </xf>
    <xf numFmtId="0" fontId="3" fillId="0" borderId="1" xfId="0" applyFont="1" applyFill="1" applyBorder="1" applyAlignment="1">
      <alignment vertical="center"/>
    </xf>
    <xf numFmtId="177" fontId="3" fillId="0" borderId="1" xfId="0" applyNumberFormat="1" applyFont="1" applyFill="1" applyBorder="1" applyAlignment="1" applyProtection="1">
      <alignment vertical="center"/>
    </xf>
    <xf numFmtId="38" fontId="1" fillId="0" borderId="1" xfId="1" applyFont="1" applyFill="1" applyBorder="1" applyAlignment="1" applyProtection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5"/>
  <sheetViews>
    <sheetView tabSelected="1" zoomScaleNormal="100" workbookViewId="0">
      <selection activeCell="E11" sqref="E11"/>
    </sheetView>
  </sheetViews>
  <sheetFormatPr defaultRowHeight="18" customHeight="1"/>
  <cols>
    <col min="1" max="1" width="29.375" style="1" bestFit="1" customWidth="1"/>
    <col min="2" max="2" width="5.25" style="1" bestFit="1" customWidth="1"/>
    <col min="3" max="3" width="11.25" style="1" customWidth="1"/>
    <col min="4" max="4" width="16.75" style="1" bestFit="1" customWidth="1"/>
    <col min="5" max="5" width="61.75" style="1" bestFit="1" customWidth="1"/>
    <col min="6" max="6" width="9" style="1"/>
    <col min="7" max="7" width="13.25" style="1" customWidth="1"/>
    <col min="8" max="8" width="15.375" style="1" customWidth="1"/>
    <col min="9" max="9" width="40.625" style="1" customWidth="1"/>
    <col min="10" max="11" width="13.875" style="1" bestFit="1" customWidth="1"/>
    <col min="12" max="12" width="51.375" style="1" bestFit="1" customWidth="1"/>
    <col min="13" max="13" width="11.625" style="1" bestFit="1" customWidth="1"/>
    <col min="14" max="14" width="12.75" style="1" bestFit="1" customWidth="1"/>
    <col min="15" max="16384" width="9" style="1"/>
  </cols>
  <sheetData>
    <row r="1" spans="1:14" ht="18" customHeight="1">
      <c r="A1" s="2" t="s">
        <v>597</v>
      </c>
      <c r="B1" s="2" t="s">
        <v>596</v>
      </c>
      <c r="C1" s="3" t="s">
        <v>405</v>
      </c>
      <c r="D1" s="3" t="s">
        <v>406</v>
      </c>
      <c r="E1" s="3" t="s">
        <v>0</v>
      </c>
      <c r="F1" s="3" t="s">
        <v>5</v>
      </c>
      <c r="G1" s="3" t="s">
        <v>595</v>
      </c>
      <c r="H1" s="3" t="s">
        <v>1</v>
      </c>
      <c r="I1" s="3" t="s">
        <v>2</v>
      </c>
      <c r="J1" s="2" t="s">
        <v>3</v>
      </c>
      <c r="K1" s="2" t="s">
        <v>4</v>
      </c>
      <c r="L1" s="4" t="s">
        <v>417</v>
      </c>
      <c r="M1" s="4" t="s">
        <v>587</v>
      </c>
      <c r="N1" s="4" t="s">
        <v>588</v>
      </c>
    </row>
    <row r="2" spans="1:14" ht="18" customHeight="1">
      <c r="A2" s="2" t="s">
        <v>593</v>
      </c>
      <c r="B2" s="2">
        <v>1</v>
      </c>
      <c r="C2" s="3" t="s">
        <v>407</v>
      </c>
      <c r="D2" s="3" t="s">
        <v>408</v>
      </c>
      <c r="E2" s="3" t="s">
        <v>533</v>
      </c>
      <c r="F2" s="3">
        <v>75</v>
      </c>
      <c r="G2" s="3">
        <v>75</v>
      </c>
      <c r="H2" s="3" t="s">
        <v>6</v>
      </c>
      <c r="I2" s="3" t="s">
        <v>7</v>
      </c>
      <c r="J2" s="2" t="s">
        <v>8</v>
      </c>
      <c r="K2" s="2" t="s">
        <v>418</v>
      </c>
      <c r="L2" s="5" t="s">
        <v>40</v>
      </c>
      <c r="M2" s="2">
        <v>35.445334799999998</v>
      </c>
      <c r="N2" s="2">
        <v>133.06861029999999</v>
      </c>
    </row>
    <row r="3" spans="1:14" ht="18" customHeight="1">
      <c r="A3" s="2" t="s">
        <v>593</v>
      </c>
      <c r="B3" s="2">
        <v>2</v>
      </c>
      <c r="C3" s="3" t="s">
        <v>407</v>
      </c>
      <c r="D3" s="3" t="s">
        <v>408</v>
      </c>
      <c r="E3" s="3" t="s">
        <v>9</v>
      </c>
      <c r="F3" s="3">
        <v>80</v>
      </c>
      <c r="G3" s="3"/>
      <c r="H3" s="3" t="s">
        <v>6</v>
      </c>
      <c r="I3" s="3" t="s">
        <v>10</v>
      </c>
      <c r="J3" s="2" t="s">
        <v>11</v>
      </c>
      <c r="K3" s="2" t="s">
        <v>12</v>
      </c>
      <c r="L3" s="5" t="s">
        <v>41</v>
      </c>
      <c r="M3" s="2">
        <v>35.433338900000003</v>
      </c>
      <c r="N3" s="2">
        <v>133.0601724</v>
      </c>
    </row>
    <row r="4" spans="1:14" ht="18" customHeight="1">
      <c r="A4" s="2" t="s">
        <v>593</v>
      </c>
      <c r="B4" s="2">
        <v>3</v>
      </c>
      <c r="C4" s="3" t="s">
        <v>407</v>
      </c>
      <c r="D4" s="3" t="s">
        <v>408</v>
      </c>
      <c r="E4" s="6" t="s">
        <v>420</v>
      </c>
      <c r="F4" s="6">
        <v>50</v>
      </c>
      <c r="G4" s="6"/>
      <c r="H4" s="6" t="s">
        <v>13</v>
      </c>
      <c r="I4" s="6" t="s">
        <v>14</v>
      </c>
      <c r="J4" s="7" t="s">
        <v>15</v>
      </c>
      <c r="K4" s="7" t="s">
        <v>16</v>
      </c>
      <c r="L4" s="8" t="s">
        <v>42</v>
      </c>
      <c r="M4" s="2">
        <v>35.440957500000003</v>
      </c>
      <c r="N4" s="2">
        <v>133.07897650000001</v>
      </c>
    </row>
    <row r="5" spans="1:14" ht="18" customHeight="1">
      <c r="A5" s="2" t="s">
        <v>593</v>
      </c>
      <c r="B5" s="2">
        <v>4</v>
      </c>
      <c r="C5" s="3" t="s">
        <v>407</v>
      </c>
      <c r="D5" s="3" t="s">
        <v>408</v>
      </c>
      <c r="E5" s="6" t="s">
        <v>17</v>
      </c>
      <c r="F5" s="6">
        <v>50</v>
      </c>
      <c r="G5" s="6"/>
      <c r="H5" s="6" t="s">
        <v>572</v>
      </c>
      <c r="I5" s="6" t="s">
        <v>18</v>
      </c>
      <c r="J5" s="7" t="s">
        <v>19</v>
      </c>
      <c r="K5" s="7" t="s">
        <v>20</v>
      </c>
      <c r="L5" s="8" t="s">
        <v>43</v>
      </c>
      <c r="M5" s="2">
        <v>35.494822800000001</v>
      </c>
      <c r="N5" s="2">
        <v>133.04272750000001</v>
      </c>
    </row>
    <row r="6" spans="1:14" ht="18" customHeight="1">
      <c r="A6" s="2" t="s">
        <v>593</v>
      </c>
      <c r="B6" s="2">
        <v>5</v>
      </c>
      <c r="C6" s="3" t="s">
        <v>407</v>
      </c>
      <c r="D6" s="3" t="s">
        <v>408</v>
      </c>
      <c r="E6" s="6" t="s">
        <v>21</v>
      </c>
      <c r="F6" s="6">
        <v>50</v>
      </c>
      <c r="G6" s="6"/>
      <c r="H6" s="6" t="s">
        <v>22</v>
      </c>
      <c r="I6" s="6" t="s">
        <v>23</v>
      </c>
      <c r="J6" s="7" t="s">
        <v>24</v>
      </c>
      <c r="K6" s="7" t="s">
        <v>25</v>
      </c>
      <c r="L6" s="8" t="s">
        <v>44</v>
      </c>
      <c r="M6" s="2">
        <v>35.516185800000002</v>
      </c>
      <c r="N6" s="2">
        <v>133.13595620000001</v>
      </c>
    </row>
    <row r="7" spans="1:14" ht="18" customHeight="1">
      <c r="A7" s="2" t="s">
        <v>593</v>
      </c>
      <c r="B7" s="2">
        <v>6</v>
      </c>
      <c r="C7" s="3" t="s">
        <v>407</v>
      </c>
      <c r="D7" s="3" t="s">
        <v>408</v>
      </c>
      <c r="E7" s="6" t="s">
        <v>421</v>
      </c>
      <c r="F7" s="3">
        <v>50</v>
      </c>
      <c r="G7" s="6"/>
      <c r="H7" s="6" t="s">
        <v>26</v>
      </c>
      <c r="I7" s="6" t="s">
        <v>27</v>
      </c>
      <c r="J7" s="7" t="s">
        <v>28</v>
      </c>
      <c r="K7" s="7" t="s">
        <v>29</v>
      </c>
      <c r="L7" s="8" t="s">
        <v>45</v>
      </c>
      <c r="M7" s="2">
        <v>35.4528508</v>
      </c>
      <c r="N7" s="2">
        <v>133.07971470000001</v>
      </c>
    </row>
    <row r="8" spans="1:14" ht="18" customHeight="1">
      <c r="A8" s="2" t="s">
        <v>593</v>
      </c>
      <c r="B8" s="2">
        <v>7</v>
      </c>
      <c r="C8" s="3" t="s">
        <v>407</v>
      </c>
      <c r="D8" s="3" t="s">
        <v>408</v>
      </c>
      <c r="E8" s="6" t="s">
        <v>421</v>
      </c>
      <c r="F8" s="3">
        <v>30</v>
      </c>
      <c r="G8" s="6">
        <v>30</v>
      </c>
      <c r="H8" s="6" t="s">
        <v>26</v>
      </c>
      <c r="I8" s="6" t="s">
        <v>27</v>
      </c>
      <c r="J8" s="7" t="s">
        <v>28</v>
      </c>
      <c r="K8" s="7" t="s">
        <v>29</v>
      </c>
      <c r="L8" s="8" t="s">
        <v>45</v>
      </c>
      <c r="M8" s="2">
        <v>35.4528508</v>
      </c>
      <c r="N8" s="2">
        <v>133.07971470000001</v>
      </c>
    </row>
    <row r="9" spans="1:14" ht="18" customHeight="1">
      <c r="A9" s="2" t="s">
        <v>593</v>
      </c>
      <c r="B9" s="2">
        <v>8</v>
      </c>
      <c r="C9" s="3" t="s">
        <v>407</v>
      </c>
      <c r="D9" s="3" t="s">
        <v>408</v>
      </c>
      <c r="E9" s="6" t="s">
        <v>30</v>
      </c>
      <c r="F9" s="6">
        <v>50</v>
      </c>
      <c r="G9" s="6"/>
      <c r="H9" s="6" t="s">
        <v>31</v>
      </c>
      <c r="I9" s="6" t="s">
        <v>32</v>
      </c>
      <c r="J9" s="7" t="s">
        <v>33</v>
      </c>
      <c r="K9" s="7" t="s">
        <v>34</v>
      </c>
      <c r="L9" s="8" t="s">
        <v>46</v>
      </c>
      <c r="M9" s="2">
        <v>35.480630099999999</v>
      </c>
      <c r="N9" s="2">
        <v>132.9509626</v>
      </c>
    </row>
    <row r="10" spans="1:14" ht="18" customHeight="1">
      <c r="A10" s="2" t="s">
        <v>593</v>
      </c>
      <c r="B10" s="2">
        <v>9</v>
      </c>
      <c r="C10" s="3" t="s">
        <v>407</v>
      </c>
      <c r="D10" s="3" t="s">
        <v>408</v>
      </c>
      <c r="E10" s="6" t="s">
        <v>35</v>
      </c>
      <c r="F10" s="6">
        <v>50</v>
      </c>
      <c r="G10" s="6"/>
      <c r="H10" s="6" t="s">
        <v>36</v>
      </c>
      <c r="I10" s="6" t="s">
        <v>37</v>
      </c>
      <c r="J10" s="7" t="s">
        <v>38</v>
      </c>
      <c r="K10" s="7" t="s">
        <v>39</v>
      </c>
      <c r="L10" s="8" t="s">
        <v>47</v>
      </c>
      <c r="M10" s="2">
        <v>35.439958099999998</v>
      </c>
      <c r="N10" s="2">
        <v>133.0953609</v>
      </c>
    </row>
    <row r="11" spans="1:14" ht="18" customHeight="1">
      <c r="A11" s="2" t="s">
        <v>593</v>
      </c>
      <c r="B11" s="2">
        <v>10</v>
      </c>
      <c r="C11" s="3" t="s">
        <v>407</v>
      </c>
      <c r="D11" s="3" t="s">
        <v>408</v>
      </c>
      <c r="E11" s="6" t="s">
        <v>48</v>
      </c>
      <c r="F11" s="6">
        <v>100</v>
      </c>
      <c r="G11" s="6"/>
      <c r="H11" s="6" t="s">
        <v>49</v>
      </c>
      <c r="I11" s="6" t="s">
        <v>577</v>
      </c>
      <c r="J11" s="7" t="s">
        <v>50</v>
      </c>
      <c r="K11" s="7" t="s">
        <v>51</v>
      </c>
      <c r="L11" s="8" t="s">
        <v>85</v>
      </c>
      <c r="M11" s="2">
        <v>35.492914800000001</v>
      </c>
      <c r="N11" s="2">
        <v>133.04707719999999</v>
      </c>
    </row>
    <row r="12" spans="1:14" ht="18" customHeight="1">
      <c r="A12" s="2" t="s">
        <v>593</v>
      </c>
      <c r="B12" s="2">
        <v>11</v>
      </c>
      <c r="C12" s="3" t="s">
        <v>407</v>
      </c>
      <c r="D12" s="3" t="s">
        <v>408</v>
      </c>
      <c r="E12" s="6" t="s">
        <v>52</v>
      </c>
      <c r="F12" s="6">
        <v>55</v>
      </c>
      <c r="G12" s="6">
        <v>55</v>
      </c>
      <c r="H12" s="6" t="s">
        <v>53</v>
      </c>
      <c r="I12" s="6" t="s">
        <v>54</v>
      </c>
      <c r="J12" s="7" t="s">
        <v>55</v>
      </c>
      <c r="K12" s="7" t="s">
        <v>56</v>
      </c>
      <c r="L12" s="8" t="s">
        <v>86</v>
      </c>
      <c r="M12" s="2">
        <v>35.476404000000002</v>
      </c>
      <c r="N12" s="2">
        <v>132.993447</v>
      </c>
    </row>
    <row r="13" spans="1:14" ht="18" customHeight="1">
      <c r="A13" s="2" t="s">
        <v>593</v>
      </c>
      <c r="B13" s="2">
        <v>12</v>
      </c>
      <c r="C13" s="3" t="s">
        <v>407</v>
      </c>
      <c r="D13" s="3" t="s">
        <v>408</v>
      </c>
      <c r="E13" s="3" t="s">
        <v>403</v>
      </c>
      <c r="F13" s="3">
        <v>80</v>
      </c>
      <c r="G13" s="9">
        <v>80</v>
      </c>
      <c r="H13" s="3" t="s">
        <v>573</v>
      </c>
      <c r="I13" s="3" t="s">
        <v>404</v>
      </c>
      <c r="J13" s="2" t="s">
        <v>422</v>
      </c>
      <c r="K13" s="2" t="s">
        <v>423</v>
      </c>
      <c r="L13" s="5" t="s">
        <v>449</v>
      </c>
      <c r="M13" s="2">
        <v>35.4724857</v>
      </c>
      <c r="N13" s="2">
        <v>132.91898839999999</v>
      </c>
    </row>
    <row r="14" spans="1:14" ht="18" customHeight="1">
      <c r="A14" s="2" t="s">
        <v>593</v>
      </c>
      <c r="B14" s="2">
        <v>13</v>
      </c>
      <c r="C14" s="3" t="s">
        <v>407</v>
      </c>
      <c r="D14" s="3" t="s">
        <v>408</v>
      </c>
      <c r="E14" s="6" t="s">
        <v>424</v>
      </c>
      <c r="F14" s="6">
        <v>50</v>
      </c>
      <c r="G14" s="6"/>
      <c r="H14" s="6" t="s">
        <v>57</v>
      </c>
      <c r="I14" s="6" t="s">
        <v>58</v>
      </c>
      <c r="J14" s="7" t="s">
        <v>59</v>
      </c>
      <c r="K14" s="7" t="s">
        <v>60</v>
      </c>
      <c r="L14" s="8" t="s">
        <v>87</v>
      </c>
      <c r="M14" s="2">
        <v>35.547075300000003</v>
      </c>
      <c r="N14" s="2">
        <v>133.05586539999999</v>
      </c>
    </row>
    <row r="15" spans="1:14" ht="18" customHeight="1">
      <c r="A15" s="2" t="s">
        <v>593</v>
      </c>
      <c r="B15" s="2">
        <v>14</v>
      </c>
      <c r="C15" s="3" t="s">
        <v>407</v>
      </c>
      <c r="D15" s="3" t="s">
        <v>408</v>
      </c>
      <c r="E15" s="6" t="s">
        <v>61</v>
      </c>
      <c r="F15" s="6">
        <v>50</v>
      </c>
      <c r="G15" s="6"/>
      <c r="H15" s="6" t="s">
        <v>62</v>
      </c>
      <c r="I15" s="6" t="s">
        <v>488</v>
      </c>
      <c r="J15" s="7" t="s">
        <v>63</v>
      </c>
      <c r="K15" s="7" t="s">
        <v>64</v>
      </c>
      <c r="L15" s="8" t="s">
        <v>88</v>
      </c>
      <c r="M15" s="2">
        <v>35.432263599999999</v>
      </c>
      <c r="N15" s="2">
        <v>133.12762509999999</v>
      </c>
    </row>
    <row r="16" spans="1:14" ht="18" customHeight="1">
      <c r="A16" s="2" t="s">
        <v>593</v>
      </c>
      <c r="B16" s="2">
        <v>15</v>
      </c>
      <c r="C16" s="3" t="s">
        <v>407</v>
      </c>
      <c r="D16" s="3" t="s">
        <v>408</v>
      </c>
      <c r="E16" s="6" t="s">
        <v>65</v>
      </c>
      <c r="F16" s="6">
        <v>50</v>
      </c>
      <c r="G16" s="6"/>
      <c r="H16" s="6" t="s">
        <v>66</v>
      </c>
      <c r="I16" s="6" t="s">
        <v>67</v>
      </c>
      <c r="J16" s="7" t="s">
        <v>68</v>
      </c>
      <c r="K16" s="7" t="s">
        <v>69</v>
      </c>
      <c r="L16" s="8" t="s">
        <v>89</v>
      </c>
      <c r="M16" s="2">
        <v>35.414228000000001</v>
      </c>
      <c r="N16" s="2">
        <v>133.09943000000001</v>
      </c>
    </row>
    <row r="17" spans="1:14" ht="18" customHeight="1">
      <c r="A17" s="2" t="s">
        <v>593</v>
      </c>
      <c r="B17" s="2">
        <v>16</v>
      </c>
      <c r="C17" s="3" t="s">
        <v>407</v>
      </c>
      <c r="D17" s="3" t="s">
        <v>408</v>
      </c>
      <c r="E17" s="6" t="s">
        <v>70</v>
      </c>
      <c r="F17" s="6">
        <v>50</v>
      </c>
      <c r="G17" s="6"/>
      <c r="H17" s="6" t="s">
        <v>71</v>
      </c>
      <c r="I17" s="6" t="s">
        <v>72</v>
      </c>
      <c r="J17" s="7" t="s">
        <v>73</v>
      </c>
      <c r="K17" s="7" t="s">
        <v>74</v>
      </c>
      <c r="L17" s="8" t="s">
        <v>90</v>
      </c>
      <c r="M17" s="2">
        <v>35.4132222</v>
      </c>
      <c r="N17" s="2">
        <v>132.93597080000001</v>
      </c>
    </row>
    <row r="18" spans="1:14" ht="18" customHeight="1">
      <c r="A18" s="2" t="s">
        <v>593</v>
      </c>
      <c r="B18" s="2">
        <v>17</v>
      </c>
      <c r="C18" s="3" t="s">
        <v>407</v>
      </c>
      <c r="D18" s="3" t="s">
        <v>408</v>
      </c>
      <c r="E18" s="6" t="s">
        <v>75</v>
      </c>
      <c r="F18" s="6">
        <v>50</v>
      </c>
      <c r="G18" s="6"/>
      <c r="H18" s="6" t="s">
        <v>76</v>
      </c>
      <c r="I18" s="6" t="s">
        <v>77</v>
      </c>
      <c r="J18" s="7" t="s">
        <v>78</v>
      </c>
      <c r="K18" s="7" t="s">
        <v>79</v>
      </c>
      <c r="L18" s="8" t="s">
        <v>589</v>
      </c>
      <c r="M18" s="2">
        <v>35.558793600000001</v>
      </c>
      <c r="N18" s="2">
        <v>133.1832019</v>
      </c>
    </row>
    <row r="19" spans="1:14" ht="18" customHeight="1">
      <c r="A19" s="2" t="s">
        <v>593</v>
      </c>
      <c r="B19" s="2">
        <v>18</v>
      </c>
      <c r="C19" s="3" t="s">
        <v>407</v>
      </c>
      <c r="D19" s="3" t="s">
        <v>408</v>
      </c>
      <c r="E19" s="6" t="s">
        <v>80</v>
      </c>
      <c r="F19" s="6">
        <v>50</v>
      </c>
      <c r="G19" s="6"/>
      <c r="H19" s="6" t="s">
        <v>81</v>
      </c>
      <c r="I19" s="6" t="s">
        <v>82</v>
      </c>
      <c r="J19" s="7" t="s">
        <v>83</v>
      </c>
      <c r="K19" s="7" t="s">
        <v>84</v>
      </c>
      <c r="L19" s="8" t="s">
        <v>91</v>
      </c>
      <c r="M19" s="2">
        <v>35.523007900000003</v>
      </c>
      <c r="N19" s="2">
        <v>133.0275474</v>
      </c>
    </row>
    <row r="20" spans="1:14" ht="18" customHeight="1">
      <c r="A20" s="2" t="s">
        <v>593</v>
      </c>
      <c r="B20" s="2">
        <v>19</v>
      </c>
      <c r="C20" s="3" t="s">
        <v>458</v>
      </c>
      <c r="D20" s="3" t="s">
        <v>534</v>
      </c>
      <c r="E20" s="6" t="s">
        <v>535</v>
      </c>
      <c r="F20" s="6">
        <v>50</v>
      </c>
      <c r="G20" s="6">
        <v>50</v>
      </c>
      <c r="H20" s="6" t="s">
        <v>536</v>
      </c>
      <c r="I20" s="6" t="s">
        <v>537</v>
      </c>
      <c r="J20" s="7" t="s">
        <v>574</v>
      </c>
      <c r="K20" s="7" t="s">
        <v>538</v>
      </c>
      <c r="L20" s="8" t="s">
        <v>539</v>
      </c>
      <c r="M20" s="2">
        <v>35.443861499999997</v>
      </c>
      <c r="N20" s="2">
        <v>133.11232469999999</v>
      </c>
    </row>
    <row r="21" spans="1:14" ht="18" customHeight="1">
      <c r="A21" s="2" t="s">
        <v>593</v>
      </c>
      <c r="B21" s="2">
        <v>20</v>
      </c>
      <c r="C21" s="3" t="s">
        <v>409</v>
      </c>
      <c r="D21" s="3" t="s">
        <v>408</v>
      </c>
      <c r="E21" s="6" t="s">
        <v>92</v>
      </c>
      <c r="F21" s="6">
        <v>110</v>
      </c>
      <c r="G21" s="6"/>
      <c r="H21" s="6" t="s">
        <v>93</v>
      </c>
      <c r="I21" s="6" t="s">
        <v>94</v>
      </c>
      <c r="J21" s="7" t="s">
        <v>95</v>
      </c>
      <c r="K21" s="7" t="s">
        <v>452</v>
      </c>
      <c r="L21" s="8" t="s">
        <v>98</v>
      </c>
      <c r="M21" s="2">
        <v>35.3759102</v>
      </c>
      <c r="N21" s="2">
        <v>133.19724869999999</v>
      </c>
    </row>
    <row r="22" spans="1:14" ht="18" customHeight="1">
      <c r="A22" s="2" t="s">
        <v>593</v>
      </c>
      <c r="B22" s="2">
        <v>21</v>
      </c>
      <c r="C22" s="3" t="s">
        <v>409</v>
      </c>
      <c r="D22" s="3" t="s">
        <v>408</v>
      </c>
      <c r="E22" s="6" t="s">
        <v>425</v>
      </c>
      <c r="F22" s="3">
        <v>60</v>
      </c>
      <c r="G22" s="6"/>
      <c r="H22" s="6" t="s">
        <v>96</v>
      </c>
      <c r="I22" s="6" t="s">
        <v>97</v>
      </c>
      <c r="J22" s="7" t="s">
        <v>426</v>
      </c>
      <c r="K22" s="7" t="s">
        <v>419</v>
      </c>
      <c r="L22" s="8" t="s">
        <v>99</v>
      </c>
      <c r="M22" s="2">
        <v>35.4336281</v>
      </c>
      <c r="N22" s="2">
        <v>133.2532788</v>
      </c>
    </row>
    <row r="23" spans="1:14" ht="18" customHeight="1">
      <c r="A23" s="2" t="s">
        <v>593</v>
      </c>
      <c r="B23" s="2">
        <v>22</v>
      </c>
      <c r="C23" s="3" t="s">
        <v>409</v>
      </c>
      <c r="D23" s="3" t="s">
        <v>408</v>
      </c>
      <c r="E23" s="6" t="s">
        <v>100</v>
      </c>
      <c r="F23" s="6">
        <v>82</v>
      </c>
      <c r="G23" s="6"/>
      <c r="H23" s="6" t="s">
        <v>101</v>
      </c>
      <c r="I23" s="6" t="s">
        <v>102</v>
      </c>
      <c r="J23" s="7" t="s">
        <v>103</v>
      </c>
      <c r="K23" s="7" t="s">
        <v>104</v>
      </c>
      <c r="L23" s="8" t="s">
        <v>590</v>
      </c>
      <c r="M23" s="2">
        <v>35.349481599999997</v>
      </c>
      <c r="N23" s="2">
        <v>133.15724359999999</v>
      </c>
    </row>
    <row r="24" spans="1:14" ht="18" customHeight="1">
      <c r="A24" s="2" t="s">
        <v>593</v>
      </c>
      <c r="B24" s="2">
        <v>23</v>
      </c>
      <c r="C24" s="3" t="s">
        <v>409</v>
      </c>
      <c r="D24" s="3" t="s">
        <v>408</v>
      </c>
      <c r="E24" s="6" t="s">
        <v>105</v>
      </c>
      <c r="F24" s="6">
        <v>30</v>
      </c>
      <c r="G24" s="6"/>
      <c r="H24" s="6" t="s">
        <v>106</v>
      </c>
      <c r="I24" s="6" t="s">
        <v>107</v>
      </c>
      <c r="J24" s="7" t="s">
        <v>108</v>
      </c>
      <c r="K24" s="7" t="s">
        <v>109</v>
      </c>
      <c r="L24" s="8" t="s">
        <v>585</v>
      </c>
      <c r="M24" s="2">
        <v>35.3712065</v>
      </c>
      <c r="N24" s="2">
        <v>133.2729434</v>
      </c>
    </row>
    <row r="25" spans="1:14" ht="18" customHeight="1">
      <c r="A25" s="2" t="s">
        <v>593</v>
      </c>
      <c r="B25" s="2">
        <v>24</v>
      </c>
      <c r="C25" s="3" t="s">
        <v>410</v>
      </c>
      <c r="D25" s="3" t="s">
        <v>408</v>
      </c>
      <c r="E25" s="6" t="s">
        <v>110</v>
      </c>
      <c r="F25" s="6">
        <v>67</v>
      </c>
      <c r="G25" s="6"/>
      <c r="H25" s="6" t="s">
        <v>111</v>
      </c>
      <c r="I25" s="6" t="s">
        <v>112</v>
      </c>
      <c r="J25" s="7" t="s">
        <v>113</v>
      </c>
      <c r="K25" s="7" t="s">
        <v>114</v>
      </c>
      <c r="L25" s="8" t="s">
        <v>127</v>
      </c>
      <c r="M25" s="2">
        <v>35.176319800000002</v>
      </c>
      <c r="N25" s="2">
        <v>133.09752990000001</v>
      </c>
    </row>
    <row r="26" spans="1:14" ht="18" customHeight="1">
      <c r="A26" s="2" t="s">
        <v>593</v>
      </c>
      <c r="B26" s="2">
        <v>25</v>
      </c>
      <c r="C26" s="3" t="s">
        <v>410</v>
      </c>
      <c r="D26" s="3" t="s">
        <v>408</v>
      </c>
      <c r="E26" s="6" t="s">
        <v>115</v>
      </c>
      <c r="F26" s="6">
        <v>50</v>
      </c>
      <c r="G26" s="6"/>
      <c r="H26" s="6" t="s">
        <v>116</v>
      </c>
      <c r="I26" s="6" t="s">
        <v>117</v>
      </c>
      <c r="J26" s="7" t="s">
        <v>435</v>
      </c>
      <c r="K26" s="7" t="s">
        <v>436</v>
      </c>
      <c r="L26" s="8" t="s">
        <v>128</v>
      </c>
      <c r="M26" s="2">
        <v>35.141363200000001</v>
      </c>
      <c r="N26" s="2">
        <v>132.9461728</v>
      </c>
    </row>
    <row r="27" spans="1:14" ht="18" customHeight="1">
      <c r="A27" s="2" t="s">
        <v>593</v>
      </c>
      <c r="B27" s="2">
        <v>26</v>
      </c>
      <c r="C27" s="3" t="s">
        <v>410</v>
      </c>
      <c r="D27" s="3" t="s">
        <v>408</v>
      </c>
      <c r="E27" s="6" t="s">
        <v>118</v>
      </c>
      <c r="F27" s="6">
        <v>70</v>
      </c>
      <c r="G27" s="6"/>
      <c r="H27" s="6" t="s">
        <v>119</v>
      </c>
      <c r="I27" s="6" t="s">
        <v>120</v>
      </c>
      <c r="J27" s="7" t="s">
        <v>121</v>
      </c>
      <c r="K27" s="7" t="s">
        <v>427</v>
      </c>
      <c r="L27" s="8" t="s">
        <v>40</v>
      </c>
      <c r="M27" s="2">
        <v>35.3265034</v>
      </c>
      <c r="N27" s="2">
        <v>132.99151699999999</v>
      </c>
    </row>
    <row r="28" spans="1:14" ht="18" customHeight="1">
      <c r="A28" s="2" t="s">
        <v>593</v>
      </c>
      <c r="B28" s="2">
        <v>27</v>
      </c>
      <c r="C28" s="3" t="s">
        <v>410</v>
      </c>
      <c r="D28" s="3" t="s">
        <v>408</v>
      </c>
      <c r="E28" s="6" t="s">
        <v>122</v>
      </c>
      <c r="F28" s="6">
        <v>50</v>
      </c>
      <c r="G28" s="6"/>
      <c r="H28" s="6" t="s">
        <v>123</v>
      </c>
      <c r="I28" s="6" t="s">
        <v>124</v>
      </c>
      <c r="J28" s="7" t="s">
        <v>125</v>
      </c>
      <c r="K28" s="7" t="s">
        <v>126</v>
      </c>
      <c r="L28" s="8" t="s">
        <v>129</v>
      </c>
      <c r="M28" s="2">
        <v>35.279249399999998</v>
      </c>
      <c r="N28" s="2">
        <v>132.92537229999999</v>
      </c>
    </row>
    <row r="29" spans="1:14" ht="18" customHeight="1">
      <c r="A29" s="2" t="s">
        <v>593</v>
      </c>
      <c r="B29" s="2">
        <v>28</v>
      </c>
      <c r="C29" s="3" t="s">
        <v>410</v>
      </c>
      <c r="D29" s="3" t="s">
        <v>408</v>
      </c>
      <c r="E29" s="6" t="s">
        <v>130</v>
      </c>
      <c r="F29" s="6">
        <v>50</v>
      </c>
      <c r="G29" s="6"/>
      <c r="H29" s="6" t="s">
        <v>131</v>
      </c>
      <c r="I29" s="6" t="s">
        <v>132</v>
      </c>
      <c r="J29" s="7" t="s">
        <v>133</v>
      </c>
      <c r="K29" s="7" t="s">
        <v>134</v>
      </c>
      <c r="L29" s="8" t="s">
        <v>464</v>
      </c>
      <c r="M29" s="2">
        <v>35.348036999999998</v>
      </c>
      <c r="N29" s="2">
        <v>132.9027816</v>
      </c>
    </row>
    <row r="30" spans="1:14" ht="18" customHeight="1">
      <c r="A30" s="2" t="s">
        <v>593</v>
      </c>
      <c r="B30" s="2">
        <v>29</v>
      </c>
      <c r="C30" s="3" t="s">
        <v>410</v>
      </c>
      <c r="D30" s="3" t="s">
        <v>408</v>
      </c>
      <c r="E30" s="6" t="s">
        <v>135</v>
      </c>
      <c r="F30" s="6">
        <v>70</v>
      </c>
      <c r="G30" s="6">
        <v>70</v>
      </c>
      <c r="H30" s="6" t="s">
        <v>136</v>
      </c>
      <c r="I30" s="6" t="s">
        <v>137</v>
      </c>
      <c r="J30" s="7" t="s">
        <v>138</v>
      </c>
      <c r="K30" s="7" t="s">
        <v>139</v>
      </c>
      <c r="L30" s="8" t="s">
        <v>150</v>
      </c>
      <c r="M30" s="2">
        <v>35.2923914</v>
      </c>
      <c r="N30" s="2">
        <v>132.88612090000001</v>
      </c>
    </row>
    <row r="31" spans="1:14" ht="18" customHeight="1">
      <c r="A31" s="2" t="s">
        <v>593</v>
      </c>
      <c r="B31" s="2">
        <v>30</v>
      </c>
      <c r="C31" s="3" t="s">
        <v>410</v>
      </c>
      <c r="D31" s="3" t="s">
        <v>408</v>
      </c>
      <c r="E31" s="6" t="s">
        <v>140</v>
      </c>
      <c r="F31" s="3">
        <v>80</v>
      </c>
      <c r="G31" s="6"/>
      <c r="H31" s="6" t="s">
        <v>141</v>
      </c>
      <c r="I31" s="6" t="s">
        <v>142</v>
      </c>
      <c r="J31" s="7" t="s">
        <v>143</v>
      </c>
      <c r="K31" s="7" t="s">
        <v>144</v>
      </c>
      <c r="L31" s="8" t="s">
        <v>151</v>
      </c>
      <c r="M31" s="2">
        <v>35.079348199999998</v>
      </c>
      <c r="N31" s="2">
        <v>132.7775633</v>
      </c>
    </row>
    <row r="32" spans="1:14" ht="18" customHeight="1">
      <c r="A32" s="2" t="s">
        <v>593</v>
      </c>
      <c r="B32" s="2">
        <v>31</v>
      </c>
      <c r="C32" s="3" t="s">
        <v>410</v>
      </c>
      <c r="D32" s="3" t="s">
        <v>408</v>
      </c>
      <c r="E32" s="6" t="s">
        <v>145</v>
      </c>
      <c r="F32" s="6">
        <v>33</v>
      </c>
      <c r="G32" s="6"/>
      <c r="H32" s="6" t="s">
        <v>146</v>
      </c>
      <c r="I32" s="6" t="s">
        <v>147</v>
      </c>
      <c r="J32" s="7" t="s">
        <v>148</v>
      </c>
      <c r="K32" s="7" t="s">
        <v>149</v>
      </c>
      <c r="L32" s="8" t="s">
        <v>152</v>
      </c>
      <c r="M32" s="2">
        <v>35.030073600000001</v>
      </c>
      <c r="N32" s="2">
        <v>132.74236010000001</v>
      </c>
    </row>
    <row r="33" spans="1:14" ht="18" customHeight="1">
      <c r="A33" s="2" t="s">
        <v>593</v>
      </c>
      <c r="B33" s="2">
        <v>32</v>
      </c>
      <c r="C33" s="3" t="s">
        <v>410</v>
      </c>
      <c r="D33" s="3" t="s">
        <v>408</v>
      </c>
      <c r="E33" s="6" t="s">
        <v>153</v>
      </c>
      <c r="F33" s="6">
        <v>30</v>
      </c>
      <c r="G33" s="6"/>
      <c r="H33" s="6" t="s">
        <v>154</v>
      </c>
      <c r="I33" s="6" t="s">
        <v>155</v>
      </c>
      <c r="J33" s="7" t="s">
        <v>156</v>
      </c>
      <c r="K33" s="7" t="s">
        <v>157</v>
      </c>
      <c r="L33" s="8" t="s">
        <v>591</v>
      </c>
      <c r="M33" s="2">
        <v>35.194600299999998</v>
      </c>
      <c r="N33" s="2">
        <v>132.81733850000001</v>
      </c>
    </row>
    <row r="34" spans="1:14" ht="18" customHeight="1">
      <c r="A34" s="2" t="s">
        <v>593</v>
      </c>
      <c r="B34" s="2">
        <v>33</v>
      </c>
      <c r="C34" s="3" t="s">
        <v>410</v>
      </c>
      <c r="D34" s="3" t="s">
        <v>408</v>
      </c>
      <c r="E34" s="6" t="s">
        <v>153</v>
      </c>
      <c r="F34" s="6">
        <v>40</v>
      </c>
      <c r="G34" s="6">
        <v>40</v>
      </c>
      <c r="H34" s="6" t="s">
        <v>154</v>
      </c>
      <c r="I34" s="6" t="s">
        <v>155</v>
      </c>
      <c r="J34" s="7" t="s">
        <v>156</v>
      </c>
      <c r="K34" s="7" t="s">
        <v>157</v>
      </c>
      <c r="L34" s="8" t="s">
        <v>591</v>
      </c>
      <c r="M34" s="2">
        <v>35.194600299999998</v>
      </c>
      <c r="N34" s="2">
        <v>132.81733850000001</v>
      </c>
    </row>
    <row r="35" spans="1:14" ht="18" customHeight="1">
      <c r="A35" s="2" t="s">
        <v>593</v>
      </c>
      <c r="B35" s="2">
        <v>34</v>
      </c>
      <c r="C35" s="3" t="s">
        <v>410</v>
      </c>
      <c r="D35" s="3" t="s">
        <v>408</v>
      </c>
      <c r="E35" s="6" t="s">
        <v>511</v>
      </c>
      <c r="F35" s="6">
        <v>50</v>
      </c>
      <c r="G35" s="6">
        <v>50</v>
      </c>
      <c r="H35" s="6" t="s">
        <v>512</v>
      </c>
      <c r="I35" s="6" t="s">
        <v>513</v>
      </c>
      <c r="J35" s="7" t="s">
        <v>514</v>
      </c>
      <c r="K35" s="7" t="s">
        <v>515</v>
      </c>
      <c r="L35" s="8" t="s">
        <v>516</v>
      </c>
      <c r="M35" s="2">
        <v>35.273504500000001</v>
      </c>
      <c r="N35" s="2">
        <v>132.8466975</v>
      </c>
    </row>
    <row r="36" spans="1:14" ht="18" customHeight="1">
      <c r="A36" s="2" t="s">
        <v>593</v>
      </c>
      <c r="B36" s="2">
        <v>35</v>
      </c>
      <c r="C36" s="3" t="s">
        <v>411</v>
      </c>
      <c r="D36" s="3" t="s">
        <v>408</v>
      </c>
      <c r="E36" s="6" t="s">
        <v>158</v>
      </c>
      <c r="F36" s="3">
        <v>40</v>
      </c>
      <c r="G36" s="6"/>
      <c r="H36" s="6" t="s">
        <v>159</v>
      </c>
      <c r="I36" s="6" t="s">
        <v>578</v>
      </c>
      <c r="J36" s="7" t="s">
        <v>161</v>
      </c>
      <c r="K36" s="7" t="s">
        <v>162</v>
      </c>
      <c r="L36" s="8" t="s">
        <v>216</v>
      </c>
      <c r="M36" s="2">
        <v>35.459772000000001</v>
      </c>
      <c r="N36" s="2">
        <v>132.857215</v>
      </c>
    </row>
    <row r="37" spans="1:14" ht="18" customHeight="1">
      <c r="A37" s="2" t="s">
        <v>593</v>
      </c>
      <c r="B37" s="2">
        <v>36</v>
      </c>
      <c r="C37" s="3" t="s">
        <v>411</v>
      </c>
      <c r="D37" s="3" t="s">
        <v>408</v>
      </c>
      <c r="E37" s="6" t="s">
        <v>158</v>
      </c>
      <c r="F37" s="3">
        <v>40</v>
      </c>
      <c r="G37" s="6">
        <v>40</v>
      </c>
      <c r="H37" s="6" t="s">
        <v>159</v>
      </c>
      <c r="I37" s="6" t="s">
        <v>160</v>
      </c>
      <c r="J37" s="7" t="s">
        <v>161</v>
      </c>
      <c r="K37" s="7" t="s">
        <v>162</v>
      </c>
      <c r="L37" s="8" t="s">
        <v>216</v>
      </c>
      <c r="M37" s="2">
        <v>35.459772000000001</v>
      </c>
      <c r="N37" s="2">
        <v>132.857215</v>
      </c>
    </row>
    <row r="38" spans="1:14" ht="18" customHeight="1">
      <c r="A38" s="2" t="s">
        <v>593</v>
      </c>
      <c r="B38" s="2">
        <v>37</v>
      </c>
      <c r="C38" s="3" t="s">
        <v>411</v>
      </c>
      <c r="D38" s="3" t="s">
        <v>408</v>
      </c>
      <c r="E38" s="6" t="s">
        <v>163</v>
      </c>
      <c r="F38" s="6">
        <v>80</v>
      </c>
      <c r="G38" s="6"/>
      <c r="H38" s="6" t="s">
        <v>164</v>
      </c>
      <c r="I38" s="6" t="s">
        <v>165</v>
      </c>
      <c r="J38" s="7" t="s">
        <v>166</v>
      </c>
      <c r="K38" s="7" t="s">
        <v>167</v>
      </c>
      <c r="L38" s="8" t="s">
        <v>217</v>
      </c>
      <c r="M38" s="2">
        <v>35.443726900000001</v>
      </c>
      <c r="N38" s="2">
        <v>132.78480329999999</v>
      </c>
    </row>
    <row r="39" spans="1:14" ht="18" customHeight="1">
      <c r="A39" s="2" t="s">
        <v>593</v>
      </c>
      <c r="B39" s="2">
        <v>38</v>
      </c>
      <c r="C39" s="3" t="s">
        <v>411</v>
      </c>
      <c r="D39" s="3" t="s">
        <v>408</v>
      </c>
      <c r="E39" s="6" t="s">
        <v>510</v>
      </c>
      <c r="F39" s="6">
        <v>50</v>
      </c>
      <c r="G39" s="6">
        <v>50</v>
      </c>
      <c r="H39" s="6" t="s">
        <v>164</v>
      </c>
      <c r="I39" s="6" t="s">
        <v>564</v>
      </c>
      <c r="J39" s="7" t="s">
        <v>166</v>
      </c>
      <c r="K39" s="7" t="s">
        <v>167</v>
      </c>
      <c r="L39" s="8" t="s">
        <v>217</v>
      </c>
      <c r="M39" s="2">
        <v>35.4436769</v>
      </c>
      <c r="N39" s="2">
        <v>132.7841339</v>
      </c>
    </row>
    <row r="40" spans="1:14" ht="18" customHeight="1">
      <c r="A40" s="2" t="s">
        <v>593</v>
      </c>
      <c r="B40" s="2">
        <v>39</v>
      </c>
      <c r="C40" s="3" t="s">
        <v>411</v>
      </c>
      <c r="D40" s="3" t="s">
        <v>408</v>
      </c>
      <c r="E40" s="6" t="s">
        <v>552</v>
      </c>
      <c r="F40" s="6">
        <v>50</v>
      </c>
      <c r="G40" s="6">
        <v>50</v>
      </c>
      <c r="H40" s="6" t="s">
        <v>557</v>
      </c>
      <c r="I40" s="6" t="s">
        <v>555</v>
      </c>
      <c r="J40" s="7" t="s">
        <v>170</v>
      </c>
      <c r="K40" s="7" t="s">
        <v>556</v>
      </c>
      <c r="L40" s="8" t="s">
        <v>40</v>
      </c>
      <c r="M40" s="2">
        <v>35.362104600000002</v>
      </c>
      <c r="N40" s="2">
        <v>132.73901079999999</v>
      </c>
    </row>
    <row r="41" spans="1:14" ht="18" customHeight="1">
      <c r="A41" s="2" t="s">
        <v>593</v>
      </c>
      <c r="B41" s="2">
        <v>40</v>
      </c>
      <c r="C41" s="3" t="s">
        <v>411</v>
      </c>
      <c r="D41" s="3" t="s">
        <v>408</v>
      </c>
      <c r="E41" s="6" t="s">
        <v>172</v>
      </c>
      <c r="F41" s="3">
        <v>40</v>
      </c>
      <c r="G41" s="6"/>
      <c r="H41" s="6" t="s">
        <v>173</v>
      </c>
      <c r="I41" s="6" t="s">
        <v>174</v>
      </c>
      <c r="J41" s="7" t="s">
        <v>175</v>
      </c>
      <c r="K41" s="7" t="s">
        <v>176</v>
      </c>
      <c r="L41" s="8" t="s">
        <v>218</v>
      </c>
      <c r="M41" s="2">
        <v>35.336825599999997</v>
      </c>
      <c r="N41" s="2">
        <v>132.6813928</v>
      </c>
    </row>
    <row r="42" spans="1:14" ht="18" customHeight="1">
      <c r="A42" s="2" t="s">
        <v>593</v>
      </c>
      <c r="B42" s="2">
        <v>41</v>
      </c>
      <c r="C42" s="3" t="s">
        <v>411</v>
      </c>
      <c r="D42" s="3" t="s">
        <v>408</v>
      </c>
      <c r="E42" s="6" t="s">
        <v>172</v>
      </c>
      <c r="F42" s="3">
        <v>40</v>
      </c>
      <c r="G42" s="6">
        <v>40</v>
      </c>
      <c r="H42" s="6" t="s">
        <v>173</v>
      </c>
      <c r="I42" s="6" t="s">
        <v>174</v>
      </c>
      <c r="J42" s="7" t="s">
        <v>175</v>
      </c>
      <c r="K42" s="7" t="s">
        <v>176</v>
      </c>
      <c r="L42" s="8" t="s">
        <v>218</v>
      </c>
      <c r="M42" s="2">
        <v>35.336825599999997</v>
      </c>
      <c r="N42" s="2">
        <v>132.6813928</v>
      </c>
    </row>
    <row r="43" spans="1:14" ht="18" customHeight="1">
      <c r="A43" s="2" t="s">
        <v>593</v>
      </c>
      <c r="B43" s="2">
        <v>42</v>
      </c>
      <c r="C43" s="3" t="s">
        <v>411</v>
      </c>
      <c r="D43" s="3" t="s">
        <v>408</v>
      </c>
      <c r="E43" s="6" t="s">
        <v>177</v>
      </c>
      <c r="F43" s="3">
        <v>80</v>
      </c>
      <c r="G43" s="6"/>
      <c r="H43" s="6" t="s">
        <v>178</v>
      </c>
      <c r="I43" s="6" t="s">
        <v>179</v>
      </c>
      <c r="J43" s="7" t="s">
        <v>180</v>
      </c>
      <c r="K43" s="7" t="s">
        <v>181</v>
      </c>
      <c r="L43" s="8" t="s">
        <v>219</v>
      </c>
      <c r="M43" s="2">
        <v>35.359284100000004</v>
      </c>
      <c r="N43" s="2">
        <v>132.7837394</v>
      </c>
    </row>
    <row r="44" spans="1:14" ht="18" customHeight="1">
      <c r="A44" s="2" t="s">
        <v>593</v>
      </c>
      <c r="B44" s="2">
        <v>43</v>
      </c>
      <c r="C44" s="3" t="s">
        <v>411</v>
      </c>
      <c r="D44" s="3" t="s">
        <v>408</v>
      </c>
      <c r="E44" s="6" t="s">
        <v>182</v>
      </c>
      <c r="F44" s="3">
        <v>80</v>
      </c>
      <c r="G44" s="6"/>
      <c r="H44" s="6" t="s">
        <v>183</v>
      </c>
      <c r="I44" s="6" t="s">
        <v>184</v>
      </c>
      <c r="J44" s="7" t="s">
        <v>185</v>
      </c>
      <c r="K44" s="7" t="s">
        <v>186</v>
      </c>
      <c r="L44" s="8" t="s">
        <v>220</v>
      </c>
      <c r="M44" s="2">
        <v>35.383357799999999</v>
      </c>
      <c r="N44" s="2">
        <v>132.7356073</v>
      </c>
    </row>
    <row r="45" spans="1:14" ht="18" customHeight="1">
      <c r="A45" s="2" t="s">
        <v>593</v>
      </c>
      <c r="B45" s="2">
        <v>44</v>
      </c>
      <c r="C45" s="3" t="s">
        <v>411</v>
      </c>
      <c r="D45" s="3" t="s">
        <v>408</v>
      </c>
      <c r="E45" s="6" t="s">
        <v>187</v>
      </c>
      <c r="F45" s="6">
        <v>70</v>
      </c>
      <c r="G45" s="6">
        <v>70</v>
      </c>
      <c r="H45" s="6" t="s">
        <v>575</v>
      </c>
      <c r="I45" s="6" t="s">
        <v>189</v>
      </c>
      <c r="J45" s="7" t="s">
        <v>428</v>
      </c>
      <c r="K45" s="7" t="s">
        <v>429</v>
      </c>
      <c r="L45" s="8" t="s">
        <v>223</v>
      </c>
      <c r="M45" s="2">
        <v>35.393870399999997</v>
      </c>
      <c r="N45" s="2">
        <v>132.71860000000001</v>
      </c>
    </row>
    <row r="46" spans="1:14" ht="18" customHeight="1">
      <c r="A46" s="2" t="s">
        <v>593</v>
      </c>
      <c r="B46" s="2">
        <v>45</v>
      </c>
      <c r="C46" s="3" t="s">
        <v>411</v>
      </c>
      <c r="D46" s="3" t="s">
        <v>408</v>
      </c>
      <c r="E46" s="6" t="s">
        <v>194</v>
      </c>
      <c r="F46" s="6">
        <v>30</v>
      </c>
      <c r="G46" s="6"/>
      <c r="H46" s="6" t="s">
        <v>195</v>
      </c>
      <c r="I46" s="6" t="s">
        <v>196</v>
      </c>
      <c r="J46" s="7" t="s">
        <v>197</v>
      </c>
      <c r="K46" s="7" t="s">
        <v>198</v>
      </c>
      <c r="L46" s="8" t="s">
        <v>222</v>
      </c>
      <c r="M46" s="2">
        <v>35.283959799999998</v>
      </c>
      <c r="N46" s="2">
        <v>132.62662399999999</v>
      </c>
    </row>
    <row r="47" spans="1:14" ht="18" customHeight="1">
      <c r="A47" s="2" t="s">
        <v>593</v>
      </c>
      <c r="B47" s="2">
        <v>46</v>
      </c>
      <c r="C47" s="3" t="s">
        <v>411</v>
      </c>
      <c r="D47" s="3" t="s">
        <v>408</v>
      </c>
      <c r="E47" s="6" t="s">
        <v>199</v>
      </c>
      <c r="F47" s="3">
        <v>80</v>
      </c>
      <c r="G47" s="6"/>
      <c r="H47" s="6" t="s">
        <v>188</v>
      </c>
      <c r="I47" s="6" t="s">
        <v>200</v>
      </c>
      <c r="J47" s="7" t="s">
        <v>201</v>
      </c>
      <c r="K47" s="7" t="s">
        <v>430</v>
      </c>
      <c r="L47" s="8" t="s">
        <v>223</v>
      </c>
      <c r="M47" s="2">
        <v>35.385609500000001</v>
      </c>
      <c r="N47" s="2">
        <v>132.67842379999999</v>
      </c>
    </row>
    <row r="48" spans="1:14" ht="18" customHeight="1">
      <c r="A48" s="2" t="s">
        <v>593</v>
      </c>
      <c r="B48" s="2">
        <v>47</v>
      </c>
      <c r="C48" s="3" t="s">
        <v>411</v>
      </c>
      <c r="D48" s="3" t="s">
        <v>408</v>
      </c>
      <c r="E48" s="6" t="s">
        <v>206</v>
      </c>
      <c r="F48" s="6">
        <v>50</v>
      </c>
      <c r="G48" s="6"/>
      <c r="H48" s="6" t="s">
        <v>207</v>
      </c>
      <c r="I48" s="6" t="s">
        <v>208</v>
      </c>
      <c r="J48" s="7" t="s">
        <v>209</v>
      </c>
      <c r="K48" s="7" t="s">
        <v>210</v>
      </c>
      <c r="L48" s="8" t="s">
        <v>450</v>
      </c>
      <c r="M48" s="2">
        <v>35.233861699999999</v>
      </c>
      <c r="N48" s="2">
        <v>132.67150340000001</v>
      </c>
    </row>
    <row r="49" spans="1:14" ht="18" customHeight="1">
      <c r="A49" s="2" t="s">
        <v>593</v>
      </c>
      <c r="B49" s="2">
        <v>48</v>
      </c>
      <c r="C49" s="3" t="s">
        <v>411</v>
      </c>
      <c r="D49" s="3" t="s">
        <v>408</v>
      </c>
      <c r="E49" s="6" t="s">
        <v>211</v>
      </c>
      <c r="F49" s="6">
        <v>50</v>
      </c>
      <c r="G49" s="6"/>
      <c r="H49" s="6" t="s">
        <v>212</v>
      </c>
      <c r="I49" s="6" t="s">
        <v>213</v>
      </c>
      <c r="J49" s="7" t="s">
        <v>214</v>
      </c>
      <c r="K49" s="7" t="s">
        <v>215</v>
      </c>
      <c r="L49" s="8" t="s">
        <v>224</v>
      </c>
      <c r="M49" s="2">
        <v>35.327798899999998</v>
      </c>
      <c r="N49" s="2">
        <v>132.67633530000001</v>
      </c>
    </row>
    <row r="50" spans="1:14" ht="18" customHeight="1">
      <c r="A50" s="2" t="s">
        <v>593</v>
      </c>
      <c r="B50" s="2">
        <v>49</v>
      </c>
      <c r="C50" s="3" t="s">
        <v>411</v>
      </c>
      <c r="D50" s="3" t="s">
        <v>408</v>
      </c>
      <c r="E50" s="6" t="s">
        <v>190</v>
      </c>
      <c r="F50" s="6">
        <v>50</v>
      </c>
      <c r="G50" s="6"/>
      <c r="H50" s="6" t="s">
        <v>191</v>
      </c>
      <c r="I50" s="6" t="s">
        <v>489</v>
      </c>
      <c r="J50" s="7" t="s">
        <v>192</v>
      </c>
      <c r="K50" s="7" t="s">
        <v>193</v>
      </c>
      <c r="L50" s="8" t="s">
        <v>221</v>
      </c>
      <c r="M50" s="2">
        <v>35.381726800000003</v>
      </c>
      <c r="N50" s="2">
        <v>132.874922</v>
      </c>
    </row>
    <row r="51" spans="1:14" ht="18" customHeight="1">
      <c r="A51" s="2" t="s">
        <v>593</v>
      </c>
      <c r="B51" s="2">
        <v>50</v>
      </c>
      <c r="C51" s="3" t="s">
        <v>411</v>
      </c>
      <c r="D51" s="3" t="s">
        <v>408</v>
      </c>
      <c r="E51" s="6" t="s">
        <v>202</v>
      </c>
      <c r="F51" s="6">
        <v>40</v>
      </c>
      <c r="G51" s="6"/>
      <c r="H51" s="6" t="s">
        <v>203</v>
      </c>
      <c r="I51" s="6" t="s">
        <v>490</v>
      </c>
      <c r="J51" s="7" t="s">
        <v>204</v>
      </c>
      <c r="K51" s="7" t="s">
        <v>205</v>
      </c>
      <c r="L51" s="8" t="s">
        <v>90</v>
      </c>
      <c r="M51" s="2">
        <v>35.377859800000003</v>
      </c>
      <c r="N51" s="2">
        <v>132.8112362</v>
      </c>
    </row>
    <row r="52" spans="1:14" ht="18" customHeight="1">
      <c r="A52" s="2" t="s">
        <v>593</v>
      </c>
      <c r="B52" s="2">
        <v>51</v>
      </c>
      <c r="C52" s="3" t="s">
        <v>411</v>
      </c>
      <c r="D52" s="3" t="s">
        <v>408</v>
      </c>
      <c r="E52" s="6" t="s">
        <v>529</v>
      </c>
      <c r="F52" s="6">
        <v>40</v>
      </c>
      <c r="G52" s="6">
        <v>40</v>
      </c>
      <c r="H52" s="6" t="s">
        <v>203</v>
      </c>
      <c r="I52" s="6" t="s">
        <v>490</v>
      </c>
      <c r="J52" s="7" t="s">
        <v>204</v>
      </c>
      <c r="K52" s="7" t="s">
        <v>205</v>
      </c>
      <c r="L52" s="8" t="s">
        <v>90</v>
      </c>
      <c r="M52" s="2">
        <v>35.377859800000003</v>
      </c>
      <c r="N52" s="2">
        <v>132.8112362</v>
      </c>
    </row>
    <row r="53" spans="1:14" ht="18" customHeight="1">
      <c r="A53" s="2" t="s">
        <v>593</v>
      </c>
      <c r="B53" s="2">
        <v>52</v>
      </c>
      <c r="C53" s="3" t="s">
        <v>411</v>
      </c>
      <c r="D53" s="3" t="s">
        <v>408</v>
      </c>
      <c r="E53" s="6" t="s">
        <v>443</v>
      </c>
      <c r="F53" s="6">
        <v>40</v>
      </c>
      <c r="G53" s="6">
        <v>40</v>
      </c>
      <c r="H53" s="6" t="s">
        <v>444</v>
      </c>
      <c r="I53" s="6" t="s">
        <v>491</v>
      </c>
      <c r="J53" s="7" t="s">
        <v>445</v>
      </c>
      <c r="K53" s="7" t="s">
        <v>446</v>
      </c>
      <c r="L53" s="8" t="s">
        <v>447</v>
      </c>
      <c r="M53" s="2">
        <v>35.377145900000002</v>
      </c>
      <c r="N53" s="2">
        <v>132.78508310000001</v>
      </c>
    </row>
    <row r="54" spans="1:14" ht="18" customHeight="1">
      <c r="A54" s="2" t="s">
        <v>593</v>
      </c>
      <c r="B54" s="2">
        <v>53</v>
      </c>
      <c r="C54" s="3" t="s">
        <v>412</v>
      </c>
      <c r="D54" s="3" t="s">
        <v>408</v>
      </c>
      <c r="E54" s="6" t="s">
        <v>225</v>
      </c>
      <c r="F54" s="6">
        <v>70</v>
      </c>
      <c r="G54" s="6">
        <v>70</v>
      </c>
      <c r="H54" s="6" t="s">
        <v>576</v>
      </c>
      <c r="I54" s="6" t="s">
        <v>467</v>
      </c>
      <c r="J54" s="7" t="s">
        <v>226</v>
      </c>
      <c r="K54" s="7" t="s">
        <v>227</v>
      </c>
      <c r="L54" s="8" t="s">
        <v>253</v>
      </c>
      <c r="M54" s="2">
        <v>35.171136400000002</v>
      </c>
      <c r="N54" s="2">
        <v>132.51200320000001</v>
      </c>
    </row>
    <row r="55" spans="1:14" ht="18" customHeight="1">
      <c r="A55" s="2" t="s">
        <v>593</v>
      </c>
      <c r="B55" s="2">
        <v>54</v>
      </c>
      <c r="C55" s="3" t="s">
        <v>412</v>
      </c>
      <c r="D55" s="3" t="s">
        <v>408</v>
      </c>
      <c r="E55" s="6" t="s">
        <v>228</v>
      </c>
      <c r="F55" s="3">
        <v>80</v>
      </c>
      <c r="G55" s="6"/>
      <c r="H55" s="6" t="s">
        <v>229</v>
      </c>
      <c r="I55" s="6" t="s">
        <v>230</v>
      </c>
      <c r="J55" s="7" t="s">
        <v>231</v>
      </c>
      <c r="K55" s="7" t="s">
        <v>232</v>
      </c>
      <c r="L55" s="8" t="s">
        <v>254</v>
      </c>
      <c r="M55" s="2">
        <v>35.144481499999998</v>
      </c>
      <c r="N55" s="2">
        <v>132.55817780000001</v>
      </c>
    </row>
    <row r="56" spans="1:14" ht="18" customHeight="1">
      <c r="A56" s="2" t="s">
        <v>593</v>
      </c>
      <c r="B56" s="2">
        <v>55</v>
      </c>
      <c r="C56" s="3" t="s">
        <v>412</v>
      </c>
      <c r="D56" s="3" t="s">
        <v>408</v>
      </c>
      <c r="E56" s="6" t="s">
        <v>233</v>
      </c>
      <c r="F56" s="6">
        <v>50</v>
      </c>
      <c r="G56" s="6"/>
      <c r="H56" s="6" t="s">
        <v>234</v>
      </c>
      <c r="I56" s="6" t="s">
        <v>235</v>
      </c>
      <c r="J56" s="7" t="s">
        <v>236</v>
      </c>
      <c r="K56" s="7" t="s">
        <v>237</v>
      </c>
      <c r="L56" s="8" t="s">
        <v>255</v>
      </c>
      <c r="M56" s="2">
        <v>35.2146537</v>
      </c>
      <c r="N56" s="2">
        <v>132.48541660000001</v>
      </c>
    </row>
    <row r="57" spans="1:14" ht="18" customHeight="1">
      <c r="A57" s="2" t="s">
        <v>593</v>
      </c>
      <c r="B57" s="2">
        <v>56</v>
      </c>
      <c r="C57" s="3" t="s">
        <v>412</v>
      </c>
      <c r="D57" s="3" t="s">
        <v>408</v>
      </c>
      <c r="E57" s="6" t="s">
        <v>238</v>
      </c>
      <c r="F57" s="6">
        <v>50</v>
      </c>
      <c r="G57" s="6"/>
      <c r="H57" s="6" t="s">
        <v>239</v>
      </c>
      <c r="I57" s="6" t="s">
        <v>240</v>
      </c>
      <c r="J57" s="7" t="s">
        <v>241</v>
      </c>
      <c r="K57" s="7" t="s">
        <v>242</v>
      </c>
      <c r="L57" s="8" t="s">
        <v>254</v>
      </c>
      <c r="M57" s="2">
        <v>35.195155700000001</v>
      </c>
      <c r="N57" s="2">
        <v>132.4770341</v>
      </c>
    </row>
    <row r="58" spans="1:14" ht="18" customHeight="1">
      <c r="A58" s="2" t="s">
        <v>593</v>
      </c>
      <c r="B58" s="2">
        <v>57</v>
      </c>
      <c r="C58" s="3" t="s">
        <v>412</v>
      </c>
      <c r="D58" s="3" t="s">
        <v>408</v>
      </c>
      <c r="E58" s="6" t="s">
        <v>243</v>
      </c>
      <c r="F58" s="6">
        <v>50</v>
      </c>
      <c r="G58" s="6"/>
      <c r="H58" s="6" t="s">
        <v>244</v>
      </c>
      <c r="I58" s="6" t="s">
        <v>245</v>
      </c>
      <c r="J58" s="7" t="s">
        <v>246</v>
      </c>
      <c r="K58" s="7" t="s">
        <v>247</v>
      </c>
      <c r="L58" s="8" t="s">
        <v>256</v>
      </c>
      <c r="M58" s="2">
        <v>35.069847500000002</v>
      </c>
      <c r="N58" s="2">
        <v>132.3496208</v>
      </c>
    </row>
    <row r="59" spans="1:14" ht="18" customHeight="1">
      <c r="A59" s="2" t="s">
        <v>593</v>
      </c>
      <c r="B59" s="2">
        <v>58</v>
      </c>
      <c r="C59" s="3" t="s">
        <v>412</v>
      </c>
      <c r="D59" s="3" t="s">
        <v>408</v>
      </c>
      <c r="E59" s="6" t="s">
        <v>248</v>
      </c>
      <c r="F59" s="6">
        <v>30</v>
      </c>
      <c r="G59" s="6"/>
      <c r="H59" s="6" t="s">
        <v>249</v>
      </c>
      <c r="I59" s="6" t="s">
        <v>566</v>
      </c>
      <c r="J59" s="7" t="s">
        <v>251</v>
      </c>
      <c r="K59" s="7" t="s">
        <v>252</v>
      </c>
      <c r="L59" s="8" t="s">
        <v>257</v>
      </c>
      <c r="M59" s="2">
        <v>35.153732900000001</v>
      </c>
      <c r="N59" s="2">
        <v>132.40321979999999</v>
      </c>
    </row>
    <row r="60" spans="1:14" ht="18" customHeight="1">
      <c r="A60" s="2" t="s">
        <v>593</v>
      </c>
      <c r="B60" s="2">
        <v>59</v>
      </c>
      <c r="C60" s="3" t="s">
        <v>413</v>
      </c>
      <c r="D60" s="3" t="s">
        <v>408</v>
      </c>
      <c r="E60" s="6" t="s">
        <v>258</v>
      </c>
      <c r="F60" s="6">
        <v>30</v>
      </c>
      <c r="G60" s="6"/>
      <c r="H60" s="6" t="s">
        <v>259</v>
      </c>
      <c r="I60" s="6" t="s">
        <v>260</v>
      </c>
      <c r="J60" s="7" t="s">
        <v>261</v>
      </c>
      <c r="K60" s="7" t="s">
        <v>262</v>
      </c>
      <c r="L60" s="8" t="s">
        <v>278</v>
      </c>
      <c r="M60" s="2">
        <v>34.9643728</v>
      </c>
      <c r="N60" s="2">
        <v>132.4732229</v>
      </c>
    </row>
    <row r="61" spans="1:14" ht="18" customHeight="1">
      <c r="A61" s="2" t="s">
        <v>593</v>
      </c>
      <c r="B61" s="2">
        <v>60</v>
      </c>
      <c r="C61" s="3" t="s">
        <v>413</v>
      </c>
      <c r="D61" s="3" t="s">
        <v>408</v>
      </c>
      <c r="E61" s="6" t="s">
        <v>263</v>
      </c>
      <c r="F61" s="6">
        <v>50</v>
      </c>
      <c r="G61" s="6"/>
      <c r="H61" s="6" t="s">
        <v>264</v>
      </c>
      <c r="I61" s="6" t="s">
        <v>265</v>
      </c>
      <c r="J61" s="7" t="s">
        <v>266</v>
      </c>
      <c r="K61" s="7" t="s">
        <v>267</v>
      </c>
      <c r="L61" s="8" t="s">
        <v>255</v>
      </c>
      <c r="M61" s="2">
        <v>35.051446499999997</v>
      </c>
      <c r="N61" s="2">
        <v>132.60007519999999</v>
      </c>
    </row>
    <row r="62" spans="1:14" ht="18" customHeight="1">
      <c r="A62" s="2" t="s">
        <v>593</v>
      </c>
      <c r="B62" s="2">
        <v>61</v>
      </c>
      <c r="C62" s="3" t="s">
        <v>413</v>
      </c>
      <c r="D62" s="3" t="s">
        <v>408</v>
      </c>
      <c r="E62" s="6" t="s">
        <v>268</v>
      </c>
      <c r="F62" s="6">
        <v>30</v>
      </c>
      <c r="G62" s="6"/>
      <c r="H62" s="6" t="s">
        <v>269</v>
      </c>
      <c r="I62" s="6" t="s">
        <v>270</v>
      </c>
      <c r="J62" s="7" t="s">
        <v>271</v>
      </c>
      <c r="K62" s="7" t="s">
        <v>272</v>
      </c>
      <c r="L62" s="8" t="s">
        <v>255</v>
      </c>
      <c r="M62" s="2">
        <v>35.012370799999999</v>
      </c>
      <c r="N62" s="2">
        <v>132.6315007</v>
      </c>
    </row>
    <row r="63" spans="1:14" ht="18" customHeight="1">
      <c r="A63" s="2" t="s">
        <v>593</v>
      </c>
      <c r="B63" s="2">
        <v>62</v>
      </c>
      <c r="C63" s="3" t="s">
        <v>413</v>
      </c>
      <c r="D63" s="3" t="s">
        <v>408</v>
      </c>
      <c r="E63" s="6" t="s">
        <v>273</v>
      </c>
      <c r="F63" s="6">
        <v>30</v>
      </c>
      <c r="G63" s="6"/>
      <c r="H63" s="6" t="s">
        <v>274</v>
      </c>
      <c r="I63" s="6" t="s">
        <v>275</v>
      </c>
      <c r="J63" s="7" t="s">
        <v>276</v>
      </c>
      <c r="K63" s="7" t="s">
        <v>277</v>
      </c>
      <c r="L63" s="8" t="s">
        <v>279</v>
      </c>
      <c r="M63" s="2">
        <v>34.844994800000002</v>
      </c>
      <c r="N63" s="2">
        <v>132.51595979999999</v>
      </c>
    </row>
    <row r="64" spans="1:14" ht="18" customHeight="1">
      <c r="A64" s="2" t="s">
        <v>593</v>
      </c>
      <c r="B64" s="2">
        <v>63</v>
      </c>
      <c r="C64" s="3" t="s">
        <v>413</v>
      </c>
      <c r="D64" s="3" t="s">
        <v>408</v>
      </c>
      <c r="E64" s="6" t="s">
        <v>280</v>
      </c>
      <c r="F64" s="6">
        <v>30</v>
      </c>
      <c r="G64" s="6"/>
      <c r="H64" s="6" t="s">
        <v>281</v>
      </c>
      <c r="I64" s="6" t="s">
        <v>282</v>
      </c>
      <c r="J64" s="7" t="s">
        <v>283</v>
      </c>
      <c r="K64" s="7" t="s">
        <v>284</v>
      </c>
      <c r="L64" s="8" t="s">
        <v>279</v>
      </c>
      <c r="M64" s="2">
        <v>34.881540100000002</v>
      </c>
      <c r="N64" s="2">
        <v>132.66502610000001</v>
      </c>
    </row>
    <row r="65" spans="1:14" ht="18" customHeight="1">
      <c r="A65" s="2" t="s">
        <v>593</v>
      </c>
      <c r="B65" s="2">
        <v>64</v>
      </c>
      <c r="C65" s="3" t="s">
        <v>413</v>
      </c>
      <c r="D65" s="3" t="s">
        <v>408</v>
      </c>
      <c r="E65" s="6" t="s">
        <v>285</v>
      </c>
      <c r="F65" s="6">
        <v>100</v>
      </c>
      <c r="G65" s="6">
        <v>100</v>
      </c>
      <c r="H65" s="6" t="s">
        <v>286</v>
      </c>
      <c r="I65" s="6" t="s">
        <v>565</v>
      </c>
      <c r="J65" s="7" t="s">
        <v>287</v>
      </c>
      <c r="K65" s="7" t="s">
        <v>288</v>
      </c>
      <c r="L65" s="8" t="s">
        <v>532</v>
      </c>
      <c r="M65" s="2">
        <v>34.898374400000002</v>
      </c>
      <c r="N65" s="2">
        <v>132.45114079999999</v>
      </c>
    </row>
    <row r="66" spans="1:14" ht="18" customHeight="1">
      <c r="A66" s="2" t="s">
        <v>593</v>
      </c>
      <c r="B66" s="2">
        <v>65</v>
      </c>
      <c r="C66" s="3" t="s">
        <v>414</v>
      </c>
      <c r="D66" s="3" t="s">
        <v>408</v>
      </c>
      <c r="E66" s="6" t="s">
        <v>289</v>
      </c>
      <c r="F66" s="6">
        <v>100</v>
      </c>
      <c r="G66" s="6"/>
      <c r="H66" s="6" t="s">
        <v>290</v>
      </c>
      <c r="I66" s="6" t="s">
        <v>291</v>
      </c>
      <c r="J66" s="7" t="s">
        <v>292</v>
      </c>
      <c r="K66" s="7" t="s">
        <v>293</v>
      </c>
      <c r="L66" s="8" t="s">
        <v>434</v>
      </c>
      <c r="M66" s="2">
        <v>35.013267300000003</v>
      </c>
      <c r="N66" s="2">
        <v>132.21766109999999</v>
      </c>
    </row>
    <row r="67" spans="1:14" ht="18" customHeight="1">
      <c r="A67" s="2" t="s">
        <v>593</v>
      </c>
      <c r="B67" s="2">
        <v>66</v>
      </c>
      <c r="C67" s="3" t="s">
        <v>414</v>
      </c>
      <c r="D67" s="3" t="s">
        <v>408</v>
      </c>
      <c r="E67" s="6" t="s">
        <v>294</v>
      </c>
      <c r="F67" s="6">
        <v>70</v>
      </c>
      <c r="G67" s="6"/>
      <c r="H67" s="6" t="s">
        <v>295</v>
      </c>
      <c r="I67" s="6" t="s">
        <v>296</v>
      </c>
      <c r="J67" s="7" t="s">
        <v>297</v>
      </c>
      <c r="K67" s="7" t="s">
        <v>505</v>
      </c>
      <c r="L67" s="8" t="s">
        <v>40</v>
      </c>
      <c r="M67" s="2">
        <v>34.897972299999999</v>
      </c>
      <c r="N67" s="2">
        <v>132.09680399999999</v>
      </c>
    </row>
    <row r="68" spans="1:14" ht="18" customHeight="1">
      <c r="A68" s="2" t="s">
        <v>593</v>
      </c>
      <c r="B68" s="2">
        <v>67</v>
      </c>
      <c r="C68" s="3" t="s">
        <v>414</v>
      </c>
      <c r="D68" s="3" t="s">
        <v>408</v>
      </c>
      <c r="E68" s="6" t="s">
        <v>298</v>
      </c>
      <c r="F68" s="6">
        <v>50</v>
      </c>
      <c r="G68" s="6"/>
      <c r="H68" s="6" t="s">
        <v>299</v>
      </c>
      <c r="I68" s="6" t="s">
        <v>300</v>
      </c>
      <c r="J68" s="7" t="s">
        <v>301</v>
      </c>
      <c r="K68" s="7" t="s">
        <v>302</v>
      </c>
      <c r="L68" s="8" t="s">
        <v>331</v>
      </c>
      <c r="M68" s="2">
        <v>34.853064799999999</v>
      </c>
      <c r="N68" s="2">
        <v>132.0497594</v>
      </c>
    </row>
    <row r="69" spans="1:14" ht="18" customHeight="1">
      <c r="A69" s="2" t="s">
        <v>593</v>
      </c>
      <c r="B69" s="2">
        <v>68</v>
      </c>
      <c r="C69" s="3" t="s">
        <v>414</v>
      </c>
      <c r="D69" s="3" t="s">
        <v>408</v>
      </c>
      <c r="E69" s="6" t="s">
        <v>303</v>
      </c>
      <c r="F69" s="6">
        <v>54</v>
      </c>
      <c r="G69" s="6"/>
      <c r="H69" s="6" t="s">
        <v>304</v>
      </c>
      <c r="I69" s="6" t="s">
        <v>305</v>
      </c>
      <c r="J69" s="7" t="s">
        <v>306</v>
      </c>
      <c r="K69" s="7" t="s">
        <v>307</v>
      </c>
      <c r="L69" s="8" t="s">
        <v>332</v>
      </c>
      <c r="M69" s="2">
        <v>34.8675797</v>
      </c>
      <c r="N69" s="2">
        <v>132.0376986</v>
      </c>
    </row>
    <row r="70" spans="1:14" ht="18" customHeight="1">
      <c r="A70" s="2" t="s">
        <v>593</v>
      </c>
      <c r="B70" s="2">
        <v>69</v>
      </c>
      <c r="C70" s="3" t="s">
        <v>414</v>
      </c>
      <c r="D70" s="3" t="s">
        <v>408</v>
      </c>
      <c r="E70" s="6" t="s">
        <v>441</v>
      </c>
      <c r="F70" s="6">
        <v>30</v>
      </c>
      <c r="G70" s="6"/>
      <c r="H70" s="6" t="s">
        <v>308</v>
      </c>
      <c r="I70" s="6" t="s">
        <v>309</v>
      </c>
      <c r="J70" s="7" t="s">
        <v>310</v>
      </c>
      <c r="K70" s="7" t="s">
        <v>311</v>
      </c>
      <c r="L70" s="8" t="s">
        <v>333</v>
      </c>
      <c r="M70" s="2">
        <v>34.922024100000002</v>
      </c>
      <c r="N70" s="2">
        <v>132.270242</v>
      </c>
    </row>
    <row r="71" spans="1:14" ht="18" customHeight="1">
      <c r="A71" s="2" t="s">
        <v>593</v>
      </c>
      <c r="B71" s="2">
        <v>70</v>
      </c>
      <c r="C71" s="3" t="s">
        <v>414</v>
      </c>
      <c r="D71" s="3" t="s">
        <v>408</v>
      </c>
      <c r="E71" s="6" t="s">
        <v>312</v>
      </c>
      <c r="F71" s="6">
        <v>50</v>
      </c>
      <c r="G71" s="6"/>
      <c r="H71" s="6" t="s">
        <v>313</v>
      </c>
      <c r="I71" s="6" t="s">
        <v>314</v>
      </c>
      <c r="J71" s="7" t="s">
        <v>315</v>
      </c>
      <c r="K71" s="7" t="s">
        <v>316</v>
      </c>
      <c r="L71" s="8" t="s">
        <v>451</v>
      </c>
      <c r="M71" s="2">
        <v>34.872561699999999</v>
      </c>
      <c r="N71" s="2">
        <v>132.15300329999999</v>
      </c>
    </row>
    <row r="72" spans="1:14" ht="18" customHeight="1">
      <c r="A72" s="2" t="s">
        <v>593</v>
      </c>
      <c r="B72" s="2">
        <v>71</v>
      </c>
      <c r="C72" s="3" t="s">
        <v>414</v>
      </c>
      <c r="D72" s="3" t="s">
        <v>408</v>
      </c>
      <c r="E72" s="6" t="s">
        <v>486</v>
      </c>
      <c r="F72" s="6">
        <v>30</v>
      </c>
      <c r="G72" s="6"/>
      <c r="H72" s="6" t="s">
        <v>317</v>
      </c>
      <c r="I72" s="6" t="s">
        <v>318</v>
      </c>
      <c r="J72" s="7" t="s">
        <v>319</v>
      </c>
      <c r="K72" s="7" t="s">
        <v>320</v>
      </c>
      <c r="L72" s="8" t="s">
        <v>334</v>
      </c>
      <c r="M72" s="2">
        <v>34.766390199999996</v>
      </c>
      <c r="N72" s="2">
        <v>132.07223970000001</v>
      </c>
    </row>
    <row r="73" spans="1:14" ht="18" customHeight="1">
      <c r="A73" s="2" t="s">
        <v>593</v>
      </c>
      <c r="B73" s="2">
        <v>72</v>
      </c>
      <c r="C73" s="3" t="s">
        <v>414</v>
      </c>
      <c r="D73" s="3" t="s">
        <v>408</v>
      </c>
      <c r="E73" s="6" t="s">
        <v>485</v>
      </c>
      <c r="F73" s="6">
        <v>40</v>
      </c>
      <c r="G73" s="6">
        <v>40</v>
      </c>
      <c r="H73" s="6" t="s">
        <v>317</v>
      </c>
      <c r="I73" s="6" t="s">
        <v>318</v>
      </c>
      <c r="J73" s="7" t="s">
        <v>319</v>
      </c>
      <c r="K73" s="7" t="s">
        <v>320</v>
      </c>
      <c r="L73" s="8" t="s">
        <v>334</v>
      </c>
      <c r="M73" s="2">
        <v>34.766390199999996</v>
      </c>
      <c r="N73" s="2">
        <v>132.07223970000001</v>
      </c>
    </row>
    <row r="74" spans="1:14" ht="18" customHeight="1">
      <c r="A74" s="2" t="s">
        <v>593</v>
      </c>
      <c r="B74" s="2">
        <v>73</v>
      </c>
      <c r="C74" s="3" t="s">
        <v>414</v>
      </c>
      <c r="D74" s="3" t="s">
        <v>408</v>
      </c>
      <c r="E74" s="6" t="s">
        <v>321</v>
      </c>
      <c r="F74" s="6">
        <v>30</v>
      </c>
      <c r="G74" s="6"/>
      <c r="H74" s="6" t="s">
        <v>322</v>
      </c>
      <c r="I74" s="6" t="s">
        <v>323</v>
      </c>
      <c r="J74" s="7" t="s">
        <v>324</v>
      </c>
      <c r="K74" s="7" t="s">
        <v>325</v>
      </c>
      <c r="L74" s="8" t="s">
        <v>465</v>
      </c>
      <c r="M74" s="2">
        <v>34.866047199999997</v>
      </c>
      <c r="N74" s="2">
        <v>132.30360680000001</v>
      </c>
    </row>
    <row r="75" spans="1:14" ht="18" customHeight="1">
      <c r="A75" s="2" t="s">
        <v>593</v>
      </c>
      <c r="B75" s="2">
        <v>74</v>
      </c>
      <c r="C75" s="3" t="s">
        <v>414</v>
      </c>
      <c r="D75" s="3" t="s">
        <v>408</v>
      </c>
      <c r="E75" s="6" t="s">
        <v>326</v>
      </c>
      <c r="F75" s="6">
        <v>57</v>
      </c>
      <c r="G75" s="6"/>
      <c r="H75" s="6" t="s">
        <v>327</v>
      </c>
      <c r="I75" s="6" t="s">
        <v>328</v>
      </c>
      <c r="J75" s="7" t="s">
        <v>329</v>
      </c>
      <c r="K75" s="7" t="s">
        <v>330</v>
      </c>
      <c r="L75" s="8" t="s">
        <v>466</v>
      </c>
      <c r="M75" s="2">
        <v>34.771384599999998</v>
      </c>
      <c r="N75" s="2">
        <v>131.92363330000001</v>
      </c>
    </row>
    <row r="76" spans="1:14" ht="18" customHeight="1">
      <c r="A76" s="2" t="s">
        <v>593</v>
      </c>
      <c r="B76" s="2">
        <v>75</v>
      </c>
      <c r="C76" s="3" t="s">
        <v>473</v>
      </c>
      <c r="D76" s="3" t="s">
        <v>534</v>
      </c>
      <c r="E76" s="6" t="s">
        <v>558</v>
      </c>
      <c r="F76" s="6">
        <v>30</v>
      </c>
      <c r="G76" s="6">
        <v>30</v>
      </c>
      <c r="H76" s="6" t="s">
        <v>559</v>
      </c>
      <c r="I76" s="6" t="s">
        <v>560</v>
      </c>
      <c r="J76" s="7" t="s">
        <v>561</v>
      </c>
      <c r="K76" s="7" t="s">
        <v>562</v>
      </c>
      <c r="L76" s="8" t="s">
        <v>563</v>
      </c>
      <c r="M76" s="2">
        <v>34.906388200000002</v>
      </c>
      <c r="N76" s="2">
        <v>132.09935909999999</v>
      </c>
    </row>
    <row r="77" spans="1:14" ht="18" customHeight="1">
      <c r="A77" s="2" t="s">
        <v>593</v>
      </c>
      <c r="B77" s="2">
        <v>76</v>
      </c>
      <c r="C77" s="3" t="s">
        <v>415</v>
      </c>
      <c r="D77" s="3" t="s">
        <v>408</v>
      </c>
      <c r="E77" s="6" t="s">
        <v>335</v>
      </c>
      <c r="F77" s="6">
        <v>70</v>
      </c>
      <c r="G77" s="6">
        <v>70</v>
      </c>
      <c r="H77" s="6" t="s">
        <v>504</v>
      </c>
      <c r="I77" s="3" t="s">
        <v>567</v>
      </c>
      <c r="J77" s="7" t="s">
        <v>336</v>
      </c>
      <c r="K77" s="7" t="s">
        <v>337</v>
      </c>
      <c r="L77" s="8" t="s">
        <v>40</v>
      </c>
      <c r="M77" s="2">
        <v>34.695323100000003</v>
      </c>
      <c r="N77" s="2">
        <v>131.83115419999999</v>
      </c>
    </row>
    <row r="78" spans="1:14" ht="18" customHeight="1">
      <c r="A78" s="2" t="s">
        <v>593</v>
      </c>
      <c r="B78" s="2">
        <v>77</v>
      </c>
      <c r="C78" s="3" t="s">
        <v>415</v>
      </c>
      <c r="D78" s="3" t="s">
        <v>408</v>
      </c>
      <c r="E78" s="6" t="s">
        <v>338</v>
      </c>
      <c r="F78" s="6">
        <v>50</v>
      </c>
      <c r="G78" s="6"/>
      <c r="H78" s="6" t="s">
        <v>339</v>
      </c>
      <c r="I78" s="6" t="s">
        <v>340</v>
      </c>
      <c r="J78" s="7" t="s">
        <v>341</v>
      </c>
      <c r="K78" s="7" t="s">
        <v>342</v>
      </c>
      <c r="L78" s="8" t="s">
        <v>353</v>
      </c>
      <c r="M78" s="2">
        <v>34.686759899999998</v>
      </c>
      <c r="N78" s="2">
        <v>131.81215069999999</v>
      </c>
    </row>
    <row r="79" spans="1:14" ht="18" customHeight="1">
      <c r="A79" s="2" t="s">
        <v>593</v>
      </c>
      <c r="B79" s="2">
        <v>78</v>
      </c>
      <c r="C79" s="3" t="s">
        <v>415</v>
      </c>
      <c r="D79" s="3" t="s">
        <v>408</v>
      </c>
      <c r="E79" s="6" t="s">
        <v>338</v>
      </c>
      <c r="F79" s="6">
        <v>50</v>
      </c>
      <c r="G79" s="6">
        <v>50</v>
      </c>
      <c r="H79" s="6" t="s">
        <v>339</v>
      </c>
      <c r="I79" s="6" t="s">
        <v>340</v>
      </c>
      <c r="J79" s="7" t="s">
        <v>341</v>
      </c>
      <c r="K79" s="7" t="s">
        <v>342</v>
      </c>
      <c r="L79" s="8" t="s">
        <v>353</v>
      </c>
      <c r="M79" s="2">
        <v>34.686759899999998</v>
      </c>
      <c r="N79" s="2">
        <v>131.81215069999999</v>
      </c>
    </row>
    <row r="80" spans="1:14" ht="18" customHeight="1">
      <c r="A80" s="2" t="s">
        <v>593</v>
      </c>
      <c r="B80" s="2">
        <v>79</v>
      </c>
      <c r="C80" s="3" t="s">
        <v>415</v>
      </c>
      <c r="D80" s="3" t="s">
        <v>408</v>
      </c>
      <c r="E80" s="6" t="s">
        <v>343</v>
      </c>
      <c r="F80" s="6">
        <v>50</v>
      </c>
      <c r="G80" s="6"/>
      <c r="H80" s="6" t="s">
        <v>344</v>
      </c>
      <c r="I80" s="6" t="s">
        <v>345</v>
      </c>
      <c r="J80" s="7" t="s">
        <v>346</v>
      </c>
      <c r="K80" s="7" t="s">
        <v>347</v>
      </c>
      <c r="L80" s="8" t="s">
        <v>353</v>
      </c>
      <c r="M80" s="2">
        <v>34.701270200000003</v>
      </c>
      <c r="N80" s="2">
        <v>131.85048900000001</v>
      </c>
    </row>
    <row r="81" spans="1:14" ht="18" customHeight="1">
      <c r="A81" s="2" t="s">
        <v>593</v>
      </c>
      <c r="B81" s="2">
        <v>80</v>
      </c>
      <c r="C81" s="3" t="s">
        <v>415</v>
      </c>
      <c r="D81" s="3" t="s">
        <v>408</v>
      </c>
      <c r="E81" s="6" t="s">
        <v>348</v>
      </c>
      <c r="F81" s="6">
        <v>30</v>
      </c>
      <c r="G81" s="6"/>
      <c r="H81" s="6" t="s">
        <v>349</v>
      </c>
      <c r="I81" s="6" t="s">
        <v>350</v>
      </c>
      <c r="J81" s="7" t="s">
        <v>351</v>
      </c>
      <c r="K81" s="7" t="s">
        <v>352</v>
      </c>
      <c r="L81" s="8" t="s">
        <v>592</v>
      </c>
      <c r="M81" s="2">
        <v>34.573976100000003</v>
      </c>
      <c r="N81" s="2">
        <v>132.01318409999999</v>
      </c>
    </row>
    <row r="82" spans="1:14" ht="18" customHeight="1">
      <c r="A82" s="2" t="s">
        <v>593</v>
      </c>
      <c r="B82" s="2">
        <v>81</v>
      </c>
      <c r="C82" s="3" t="s">
        <v>415</v>
      </c>
      <c r="D82" s="3" t="s">
        <v>408</v>
      </c>
      <c r="E82" s="6" t="s">
        <v>354</v>
      </c>
      <c r="F82" s="6">
        <v>30</v>
      </c>
      <c r="G82" s="6"/>
      <c r="H82" s="6" t="s">
        <v>355</v>
      </c>
      <c r="I82" s="6" t="s">
        <v>356</v>
      </c>
      <c r="J82" s="7" t="s">
        <v>357</v>
      </c>
      <c r="K82" s="7" t="s">
        <v>358</v>
      </c>
      <c r="L82" s="8" t="s">
        <v>592</v>
      </c>
      <c r="M82" s="2">
        <v>34.666687400000001</v>
      </c>
      <c r="N82" s="2">
        <v>131.98359959999999</v>
      </c>
    </row>
    <row r="83" spans="1:14" ht="18" customHeight="1">
      <c r="A83" s="2" t="s">
        <v>593</v>
      </c>
      <c r="B83" s="2">
        <v>82</v>
      </c>
      <c r="C83" s="3" t="s">
        <v>415</v>
      </c>
      <c r="D83" s="3" t="s">
        <v>408</v>
      </c>
      <c r="E83" s="6" t="s">
        <v>359</v>
      </c>
      <c r="F83" s="6">
        <v>50</v>
      </c>
      <c r="G83" s="6"/>
      <c r="H83" s="6" t="s">
        <v>360</v>
      </c>
      <c r="I83" s="6" t="s">
        <v>361</v>
      </c>
      <c r="J83" s="7" t="s">
        <v>362</v>
      </c>
      <c r="K83" s="7" t="s">
        <v>363</v>
      </c>
      <c r="L83" s="8" t="s">
        <v>378</v>
      </c>
      <c r="M83" s="2">
        <v>34.467615899999998</v>
      </c>
      <c r="N83" s="2">
        <v>131.7756881</v>
      </c>
    </row>
    <row r="84" spans="1:14" ht="18" customHeight="1">
      <c r="A84" s="2" t="s">
        <v>593</v>
      </c>
      <c r="B84" s="2">
        <v>83</v>
      </c>
      <c r="C84" s="3" t="s">
        <v>415</v>
      </c>
      <c r="D84" s="3" t="s">
        <v>408</v>
      </c>
      <c r="E84" s="6" t="s">
        <v>364</v>
      </c>
      <c r="F84" s="6">
        <v>50</v>
      </c>
      <c r="G84" s="6"/>
      <c r="H84" s="6" t="s">
        <v>365</v>
      </c>
      <c r="I84" s="6" t="s">
        <v>366</v>
      </c>
      <c r="J84" s="7" t="s">
        <v>367</v>
      </c>
      <c r="K84" s="7" t="s">
        <v>368</v>
      </c>
      <c r="L84" s="8" t="s">
        <v>379</v>
      </c>
      <c r="M84" s="2">
        <v>34.542923100000003</v>
      </c>
      <c r="N84" s="2">
        <v>131.8389023</v>
      </c>
    </row>
    <row r="85" spans="1:14" ht="18" customHeight="1">
      <c r="A85" s="2" t="s">
        <v>593</v>
      </c>
      <c r="B85" s="2">
        <v>84</v>
      </c>
      <c r="C85" s="3" t="s">
        <v>415</v>
      </c>
      <c r="D85" s="3" t="s">
        <v>408</v>
      </c>
      <c r="E85" s="6" t="s">
        <v>369</v>
      </c>
      <c r="F85" s="6">
        <v>30</v>
      </c>
      <c r="G85" s="6"/>
      <c r="H85" s="6" t="s">
        <v>370</v>
      </c>
      <c r="I85" s="6" t="s">
        <v>371</v>
      </c>
      <c r="J85" s="7" t="s">
        <v>372</v>
      </c>
      <c r="K85" s="7" t="s">
        <v>373</v>
      </c>
      <c r="L85" s="8" t="s">
        <v>380</v>
      </c>
      <c r="M85" s="2">
        <v>34.355426600000001</v>
      </c>
      <c r="N85" s="2">
        <v>131.9368217</v>
      </c>
    </row>
    <row r="86" spans="1:14" ht="18" customHeight="1">
      <c r="A86" s="2" t="s">
        <v>593</v>
      </c>
      <c r="B86" s="2">
        <v>85</v>
      </c>
      <c r="C86" s="3" t="s">
        <v>415</v>
      </c>
      <c r="D86" s="3" t="s">
        <v>408</v>
      </c>
      <c r="E86" s="6" t="s">
        <v>374</v>
      </c>
      <c r="F86" s="6">
        <v>30</v>
      </c>
      <c r="G86" s="6"/>
      <c r="H86" s="6" t="s">
        <v>375</v>
      </c>
      <c r="I86" s="6" t="s">
        <v>442</v>
      </c>
      <c r="J86" s="7" t="s">
        <v>376</v>
      </c>
      <c r="K86" s="7" t="s">
        <v>377</v>
      </c>
      <c r="L86" s="8" t="s">
        <v>586</v>
      </c>
      <c r="M86" s="2">
        <v>34.436394300000003</v>
      </c>
      <c r="N86" s="2">
        <v>131.86745300000001</v>
      </c>
    </row>
    <row r="87" spans="1:14" ht="18" customHeight="1">
      <c r="A87" s="2" t="s">
        <v>593</v>
      </c>
      <c r="B87" s="2">
        <v>86</v>
      </c>
      <c r="C87" s="3" t="s">
        <v>416</v>
      </c>
      <c r="D87" s="3" t="s">
        <v>408</v>
      </c>
      <c r="E87" s="6" t="s">
        <v>431</v>
      </c>
      <c r="F87" s="6">
        <v>80</v>
      </c>
      <c r="G87" s="6"/>
      <c r="H87" s="6" t="s">
        <v>381</v>
      </c>
      <c r="I87" s="6" t="s">
        <v>382</v>
      </c>
      <c r="J87" s="7" t="s">
        <v>439</v>
      </c>
      <c r="K87" s="7" t="s">
        <v>440</v>
      </c>
      <c r="L87" s="8" t="s">
        <v>399</v>
      </c>
      <c r="M87" s="2">
        <v>36.214724199999999</v>
      </c>
      <c r="N87" s="2">
        <v>133.32674950000001</v>
      </c>
    </row>
    <row r="88" spans="1:14" ht="18" customHeight="1">
      <c r="A88" s="2" t="s">
        <v>593</v>
      </c>
      <c r="B88" s="2">
        <v>87</v>
      </c>
      <c r="C88" s="3" t="s">
        <v>416</v>
      </c>
      <c r="D88" s="3" t="s">
        <v>408</v>
      </c>
      <c r="E88" s="6" t="s">
        <v>528</v>
      </c>
      <c r="F88" s="6">
        <v>50</v>
      </c>
      <c r="G88" s="6">
        <v>50</v>
      </c>
      <c r="H88" s="6" t="s">
        <v>381</v>
      </c>
      <c r="I88" s="6" t="s">
        <v>382</v>
      </c>
      <c r="J88" s="7" t="s">
        <v>439</v>
      </c>
      <c r="K88" s="7" t="s">
        <v>440</v>
      </c>
      <c r="L88" s="8" t="s">
        <v>399</v>
      </c>
      <c r="M88" s="2">
        <v>36.214724199999999</v>
      </c>
      <c r="N88" s="2">
        <v>133.32674950000001</v>
      </c>
    </row>
    <row r="89" spans="1:14" ht="18" customHeight="1">
      <c r="A89" s="2" t="s">
        <v>593</v>
      </c>
      <c r="B89" s="2">
        <v>88</v>
      </c>
      <c r="C89" s="3" t="s">
        <v>416</v>
      </c>
      <c r="D89" s="3" t="s">
        <v>408</v>
      </c>
      <c r="E89" s="6" t="s">
        <v>383</v>
      </c>
      <c r="F89" s="6">
        <v>30</v>
      </c>
      <c r="G89" s="6"/>
      <c r="H89" s="6" t="s">
        <v>384</v>
      </c>
      <c r="I89" s="6" t="s">
        <v>385</v>
      </c>
      <c r="J89" s="7" t="s">
        <v>437</v>
      </c>
      <c r="K89" s="7" t="s">
        <v>438</v>
      </c>
      <c r="L89" s="8" t="s">
        <v>400</v>
      </c>
      <c r="M89" s="2">
        <v>36.196852399999997</v>
      </c>
      <c r="N89" s="2">
        <v>133.23585460000001</v>
      </c>
    </row>
    <row r="90" spans="1:14" ht="18" customHeight="1">
      <c r="A90" s="2" t="s">
        <v>593</v>
      </c>
      <c r="B90" s="2">
        <v>89</v>
      </c>
      <c r="C90" s="3" t="s">
        <v>416</v>
      </c>
      <c r="D90" s="3" t="s">
        <v>408</v>
      </c>
      <c r="E90" s="6" t="s">
        <v>386</v>
      </c>
      <c r="F90" s="6">
        <v>30</v>
      </c>
      <c r="G90" s="6"/>
      <c r="H90" s="6" t="s">
        <v>387</v>
      </c>
      <c r="I90" s="6" t="s">
        <v>388</v>
      </c>
      <c r="J90" s="7" t="s">
        <v>389</v>
      </c>
      <c r="K90" s="7" t="s">
        <v>432</v>
      </c>
      <c r="L90" s="8" t="s">
        <v>401</v>
      </c>
      <c r="M90" s="2">
        <v>36.098198799999999</v>
      </c>
      <c r="N90" s="2">
        <v>133.092951</v>
      </c>
    </row>
    <row r="91" spans="1:14" ht="18" customHeight="1">
      <c r="A91" s="2" t="s">
        <v>593</v>
      </c>
      <c r="B91" s="2">
        <v>90</v>
      </c>
      <c r="C91" s="3" t="s">
        <v>416</v>
      </c>
      <c r="D91" s="3" t="s">
        <v>408</v>
      </c>
      <c r="E91" s="6" t="s">
        <v>390</v>
      </c>
      <c r="F91" s="6">
        <v>50</v>
      </c>
      <c r="G91" s="6"/>
      <c r="H91" s="6" t="s">
        <v>391</v>
      </c>
      <c r="I91" s="6" t="s">
        <v>392</v>
      </c>
      <c r="J91" s="7" t="s">
        <v>393</v>
      </c>
      <c r="K91" s="7" t="s">
        <v>433</v>
      </c>
      <c r="L91" s="8" t="s">
        <v>402</v>
      </c>
      <c r="M91" s="2">
        <v>36.116232199999999</v>
      </c>
      <c r="N91" s="2">
        <v>133.06624669999999</v>
      </c>
    </row>
    <row r="92" spans="1:14" ht="18" customHeight="1">
      <c r="A92" s="2" t="s">
        <v>593</v>
      </c>
      <c r="B92" s="2">
        <v>91</v>
      </c>
      <c r="C92" s="3" t="s">
        <v>416</v>
      </c>
      <c r="D92" s="3" t="s">
        <v>408</v>
      </c>
      <c r="E92" s="6" t="s">
        <v>394</v>
      </c>
      <c r="F92" s="6">
        <v>30</v>
      </c>
      <c r="G92" s="6"/>
      <c r="H92" s="6" t="s">
        <v>395</v>
      </c>
      <c r="I92" s="6" t="s">
        <v>396</v>
      </c>
      <c r="J92" s="7" t="s">
        <v>397</v>
      </c>
      <c r="K92" s="7" t="s">
        <v>398</v>
      </c>
      <c r="L92" s="8" t="s">
        <v>448</v>
      </c>
      <c r="M92" s="2">
        <v>36.284326999999998</v>
      </c>
      <c r="N92" s="2">
        <v>133.25064159999999</v>
      </c>
    </row>
    <row r="93" spans="1:14" ht="18" customHeight="1">
      <c r="A93" s="2" t="s">
        <v>594</v>
      </c>
      <c r="B93" s="2">
        <v>1</v>
      </c>
      <c r="C93" s="3" t="s">
        <v>458</v>
      </c>
      <c r="D93" s="3" t="s">
        <v>408</v>
      </c>
      <c r="E93" s="6" t="s">
        <v>581</v>
      </c>
      <c r="F93" s="6">
        <v>29</v>
      </c>
      <c r="G93" s="6">
        <v>29</v>
      </c>
      <c r="H93" s="6" t="s">
        <v>453</v>
      </c>
      <c r="I93" s="6" t="s">
        <v>454</v>
      </c>
      <c r="J93" s="7" t="s">
        <v>455</v>
      </c>
      <c r="K93" s="7" t="s">
        <v>456</v>
      </c>
      <c r="L93" s="8" t="s">
        <v>457</v>
      </c>
      <c r="M93" s="2">
        <v>35.426763100000002</v>
      </c>
      <c r="N93" s="2">
        <v>133.00656979999999</v>
      </c>
    </row>
    <row r="94" spans="1:14" ht="18" customHeight="1">
      <c r="A94" s="2" t="s">
        <v>594</v>
      </c>
      <c r="B94" s="2">
        <v>2</v>
      </c>
      <c r="C94" s="3" t="s">
        <v>458</v>
      </c>
      <c r="D94" s="3" t="s">
        <v>408</v>
      </c>
      <c r="E94" s="6" t="s">
        <v>582</v>
      </c>
      <c r="F94" s="6">
        <v>20</v>
      </c>
      <c r="G94" s="6">
        <v>20</v>
      </c>
      <c r="H94" s="6" t="s">
        <v>459</v>
      </c>
      <c r="I94" s="6" t="s">
        <v>460</v>
      </c>
      <c r="J94" s="7" t="s">
        <v>461</v>
      </c>
      <c r="K94" s="7" t="s">
        <v>462</v>
      </c>
      <c r="L94" s="8" t="s">
        <v>463</v>
      </c>
      <c r="M94" s="2">
        <v>35.490843699999999</v>
      </c>
      <c r="N94" s="2">
        <v>133.07398559999999</v>
      </c>
    </row>
    <row r="95" spans="1:14" ht="18" customHeight="1">
      <c r="A95" s="2" t="s">
        <v>594</v>
      </c>
      <c r="B95" s="2">
        <v>3</v>
      </c>
      <c r="C95" s="3" t="s">
        <v>407</v>
      </c>
      <c r="D95" s="3" t="s">
        <v>408</v>
      </c>
      <c r="E95" s="6" t="s">
        <v>583</v>
      </c>
      <c r="F95" s="6">
        <v>29</v>
      </c>
      <c r="G95" s="6">
        <v>29</v>
      </c>
      <c r="H95" s="6" t="s">
        <v>506</v>
      </c>
      <c r="I95" s="6" t="s">
        <v>507</v>
      </c>
      <c r="J95" s="7" t="s">
        <v>508</v>
      </c>
      <c r="K95" s="7" t="s">
        <v>509</v>
      </c>
      <c r="L95" s="8" t="s">
        <v>87</v>
      </c>
      <c r="M95" s="2">
        <v>35.586322299999999</v>
      </c>
      <c r="N95" s="2">
        <v>133.1012897</v>
      </c>
    </row>
    <row r="96" spans="1:14" ht="18" customHeight="1">
      <c r="A96" s="2" t="s">
        <v>594</v>
      </c>
      <c r="B96" s="2">
        <v>4</v>
      </c>
      <c r="C96" s="3" t="s">
        <v>407</v>
      </c>
      <c r="D96" s="3" t="s">
        <v>408</v>
      </c>
      <c r="E96" s="6" t="s">
        <v>517</v>
      </c>
      <c r="F96" s="6">
        <v>29</v>
      </c>
      <c r="G96" s="6">
        <v>29</v>
      </c>
      <c r="H96" s="6" t="s">
        <v>518</v>
      </c>
      <c r="I96" s="6" t="s">
        <v>519</v>
      </c>
      <c r="J96" s="7" t="s">
        <v>520</v>
      </c>
      <c r="K96" s="7" t="s">
        <v>521</v>
      </c>
      <c r="L96" s="8" t="s">
        <v>43</v>
      </c>
      <c r="M96" s="2">
        <v>35.499996099999997</v>
      </c>
      <c r="N96" s="2">
        <v>133.0072759</v>
      </c>
    </row>
    <row r="97" spans="1:14" ht="18" customHeight="1">
      <c r="A97" s="2" t="s">
        <v>594</v>
      </c>
      <c r="B97" s="2">
        <v>5</v>
      </c>
      <c r="C97" s="3" t="s">
        <v>407</v>
      </c>
      <c r="D97" s="3" t="s">
        <v>408</v>
      </c>
      <c r="E97" s="6" t="s">
        <v>540</v>
      </c>
      <c r="F97" s="6">
        <v>29</v>
      </c>
      <c r="G97" s="6">
        <v>29</v>
      </c>
      <c r="H97" s="6" t="s">
        <v>545</v>
      </c>
      <c r="I97" s="6" t="s">
        <v>544</v>
      </c>
      <c r="J97" s="7" t="s">
        <v>542</v>
      </c>
      <c r="K97" s="7" t="s">
        <v>543</v>
      </c>
      <c r="L97" s="8" t="s">
        <v>541</v>
      </c>
      <c r="M97" s="2">
        <v>35.390003700000001</v>
      </c>
      <c r="N97" s="2">
        <v>132.8816573</v>
      </c>
    </row>
    <row r="98" spans="1:14" ht="18" customHeight="1">
      <c r="A98" s="2" t="s">
        <v>594</v>
      </c>
      <c r="B98" s="2">
        <v>6</v>
      </c>
      <c r="C98" s="3" t="s">
        <v>407</v>
      </c>
      <c r="D98" s="3" t="s">
        <v>408</v>
      </c>
      <c r="E98" s="6" t="s">
        <v>546</v>
      </c>
      <c r="F98" s="6">
        <v>29</v>
      </c>
      <c r="G98" s="6">
        <v>29</v>
      </c>
      <c r="H98" s="6" t="s">
        <v>551</v>
      </c>
      <c r="I98" s="6" t="s">
        <v>550</v>
      </c>
      <c r="J98" s="7" t="s">
        <v>547</v>
      </c>
      <c r="K98" s="7" t="s">
        <v>548</v>
      </c>
      <c r="L98" s="8" t="s">
        <v>549</v>
      </c>
      <c r="M98" s="2">
        <v>35.426541399999998</v>
      </c>
      <c r="N98" s="2">
        <v>133.18121489999999</v>
      </c>
    </row>
    <row r="99" spans="1:14" ht="18" customHeight="1">
      <c r="A99" s="2" t="s">
        <v>594</v>
      </c>
      <c r="B99" s="2">
        <v>7</v>
      </c>
      <c r="C99" s="3" t="s">
        <v>407</v>
      </c>
      <c r="D99" s="3" t="s">
        <v>408</v>
      </c>
      <c r="E99" s="6" t="s">
        <v>580</v>
      </c>
      <c r="F99" s="6">
        <v>29</v>
      </c>
      <c r="G99" s="6">
        <v>29</v>
      </c>
      <c r="H99" s="6" t="s">
        <v>459</v>
      </c>
      <c r="I99" s="6" t="s">
        <v>568</v>
      </c>
      <c r="J99" s="7" t="s">
        <v>569</v>
      </c>
      <c r="K99" s="7" t="s">
        <v>570</v>
      </c>
      <c r="L99" s="8" t="s">
        <v>571</v>
      </c>
      <c r="M99" s="2">
        <v>35.471066999999998</v>
      </c>
      <c r="N99" s="2">
        <v>133.07097400000001</v>
      </c>
    </row>
    <row r="100" spans="1:14" ht="18" customHeight="1">
      <c r="A100" s="2" t="s">
        <v>594</v>
      </c>
      <c r="B100" s="2">
        <v>8</v>
      </c>
      <c r="C100" s="3" t="s">
        <v>409</v>
      </c>
      <c r="D100" s="3" t="s">
        <v>408</v>
      </c>
      <c r="E100" s="6" t="s">
        <v>425</v>
      </c>
      <c r="F100" s="3">
        <v>20</v>
      </c>
      <c r="G100" s="6">
        <v>20</v>
      </c>
      <c r="H100" s="6" t="s">
        <v>96</v>
      </c>
      <c r="I100" s="6" t="s">
        <v>97</v>
      </c>
      <c r="J100" s="7" t="s">
        <v>426</v>
      </c>
      <c r="K100" s="7" t="s">
        <v>419</v>
      </c>
      <c r="L100" s="8" t="s">
        <v>99</v>
      </c>
      <c r="M100" s="2">
        <v>35.4336281</v>
      </c>
      <c r="N100" s="2">
        <v>133.2532788</v>
      </c>
    </row>
    <row r="101" spans="1:14" ht="18" customHeight="1">
      <c r="A101" s="2" t="s">
        <v>594</v>
      </c>
      <c r="B101" s="2">
        <v>9</v>
      </c>
      <c r="C101" s="3" t="s">
        <v>409</v>
      </c>
      <c r="D101" s="3" t="s">
        <v>408</v>
      </c>
      <c r="E101" s="6" t="s">
        <v>105</v>
      </c>
      <c r="F101" s="6">
        <v>20</v>
      </c>
      <c r="G101" s="6">
        <v>20</v>
      </c>
      <c r="H101" s="6" t="s">
        <v>106</v>
      </c>
      <c r="I101" s="6" t="s">
        <v>107</v>
      </c>
      <c r="J101" s="7" t="s">
        <v>108</v>
      </c>
      <c r="K101" s="7" t="s">
        <v>109</v>
      </c>
      <c r="L101" s="8" t="s">
        <v>585</v>
      </c>
      <c r="M101" s="2">
        <v>35.3712065</v>
      </c>
      <c r="N101" s="2">
        <v>133.2729434</v>
      </c>
    </row>
    <row r="102" spans="1:14" ht="18" customHeight="1">
      <c r="A102" s="2" t="s">
        <v>594</v>
      </c>
      <c r="B102" s="2">
        <v>10</v>
      </c>
      <c r="C102" s="3" t="s">
        <v>410</v>
      </c>
      <c r="D102" s="3" t="s">
        <v>408</v>
      </c>
      <c r="E102" s="6" t="s">
        <v>115</v>
      </c>
      <c r="F102" s="6">
        <v>20</v>
      </c>
      <c r="G102" s="6">
        <v>20</v>
      </c>
      <c r="H102" s="6" t="s">
        <v>116</v>
      </c>
      <c r="I102" s="6" t="s">
        <v>117</v>
      </c>
      <c r="J102" s="7" t="s">
        <v>435</v>
      </c>
      <c r="K102" s="7" t="s">
        <v>436</v>
      </c>
      <c r="L102" s="8" t="s">
        <v>128</v>
      </c>
      <c r="M102" s="2">
        <v>35.141363200000001</v>
      </c>
      <c r="N102" s="2">
        <v>132.9461728</v>
      </c>
    </row>
    <row r="103" spans="1:14" ht="18" customHeight="1">
      <c r="A103" s="2" t="s">
        <v>594</v>
      </c>
      <c r="B103" s="2">
        <v>11</v>
      </c>
      <c r="C103" s="3" t="s">
        <v>410</v>
      </c>
      <c r="D103" s="3" t="s">
        <v>408</v>
      </c>
      <c r="E103" s="6" t="s">
        <v>530</v>
      </c>
      <c r="F103" s="6">
        <v>20</v>
      </c>
      <c r="G103" s="6">
        <v>20</v>
      </c>
      <c r="H103" s="6" t="s">
        <v>123</v>
      </c>
      <c r="I103" s="6" t="s">
        <v>124</v>
      </c>
      <c r="J103" s="7" t="s">
        <v>125</v>
      </c>
      <c r="K103" s="7" t="s">
        <v>126</v>
      </c>
      <c r="L103" s="8" t="s">
        <v>129</v>
      </c>
      <c r="M103" s="2">
        <v>35.279249399999998</v>
      </c>
      <c r="N103" s="2">
        <v>132.92537229999999</v>
      </c>
    </row>
    <row r="104" spans="1:14" ht="18" customHeight="1">
      <c r="A104" s="2" t="s">
        <v>594</v>
      </c>
      <c r="B104" s="2">
        <v>12</v>
      </c>
      <c r="C104" s="3" t="s">
        <v>410</v>
      </c>
      <c r="D104" s="3" t="s">
        <v>408</v>
      </c>
      <c r="E104" s="6" t="s">
        <v>145</v>
      </c>
      <c r="F104" s="6">
        <v>10</v>
      </c>
      <c r="G104" s="6">
        <v>10</v>
      </c>
      <c r="H104" s="6" t="s">
        <v>146</v>
      </c>
      <c r="I104" s="6" t="s">
        <v>147</v>
      </c>
      <c r="J104" s="7" t="s">
        <v>148</v>
      </c>
      <c r="K104" s="7" t="s">
        <v>149</v>
      </c>
      <c r="L104" s="8" t="s">
        <v>152</v>
      </c>
      <c r="M104" s="2">
        <v>35.030073600000001</v>
      </c>
      <c r="N104" s="2">
        <v>132.74236010000001</v>
      </c>
    </row>
    <row r="105" spans="1:14" ht="18" customHeight="1">
      <c r="A105" s="2" t="s">
        <v>594</v>
      </c>
      <c r="B105" s="2">
        <v>13</v>
      </c>
      <c r="C105" s="3" t="s">
        <v>410</v>
      </c>
      <c r="D105" s="3" t="s">
        <v>408</v>
      </c>
      <c r="E105" s="6" t="s">
        <v>130</v>
      </c>
      <c r="F105" s="6">
        <v>20</v>
      </c>
      <c r="G105" s="6">
        <v>20</v>
      </c>
      <c r="H105" s="6" t="s">
        <v>131</v>
      </c>
      <c r="I105" s="6" t="s">
        <v>132</v>
      </c>
      <c r="J105" s="7" t="s">
        <v>133</v>
      </c>
      <c r="K105" s="7" t="s">
        <v>134</v>
      </c>
      <c r="L105" s="8" t="s">
        <v>464</v>
      </c>
      <c r="M105" s="2">
        <v>35.348036999999998</v>
      </c>
      <c r="N105" s="2">
        <v>132.9027816</v>
      </c>
    </row>
    <row r="106" spans="1:14" ht="18" customHeight="1">
      <c r="A106" s="2" t="s">
        <v>594</v>
      </c>
      <c r="B106" s="2">
        <v>14</v>
      </c>
      <c r="C106" s="3" t="s">
        <v>487</v>
      </c>
      <c r="D106" s="3" t="s">
        <v>408</v>
      </c>
      <c r="E106" s="6" t="s">
        <v>478</v>
      </c>
      <c r="F106" s="6">
        <v>29</v>
      </c>
      <c r="G106" s="6">
        <v>29</v>
      </c>
      <c r="H106" s="6" t="s">
        <v>178</v>
      </c>
      <c r="I106" s="6" t="s">
        <v>479</v>
      </c>
      <c r="J106" s="7" t="s">
        <v>492</v>
      </c>
      <c r="K106" s="7" t="s">
        <v>493</v>
      </c>
      <c r="L106" s="8" t="s">
        <v>480</v>
      </c>
      <c r="M106" s="2">
        <v>35.359284100000004</v>
      </c>
      <c r="N106" s="2">
        <v>132.7837394</v>
      </c>
    </row>
    <row r="107" spans="1:14" ht="18" customHeight="1">
      <c r="A107" s="2" t="s">
        <v>594</v>
      </c>
      <c r="B107" s="2">
        <v>15</v>
      </c>
      <c r="C107" s="3" t="s">
        <v>487</v>
      </c>
      <c r="D107" s="3" t="s">
        <v>408</v>
      </c>
      <c r="E107" s="6" t="s">
        <v>481</v>
      </c>
      <c r="F107" s="6">
        <v>29</v>
      </c>
      <c r="G107" s="6">
        <v>29</v>
      </c>
      <c r="H107" s="6" t="s">
        <v>484</v>
      </c>
      <c r="I107" s="6" t="s">
        <v>482</v>
      </c>
      <c r="J107" s="7" t="s">
        <v>494</v>
      </c>
      <c r="K107" s="7" t="s">
        <v>495</v>
      </c>
      <c r="L107" s="8" t="s">
        <v>483</v>
      </c>
      <c r="M107" s="2">
        <v>35.3445921</v>
      </c>
      <c r="N107" s="2">
        <v>132.71288060000001</v>
      </c>
    </row>
    <row r="108" spans="1:14" ht="18" customHeight="1">
      <c r="A108" s="2" t="s">
        <v>594</v>
      </c>
      <c r="B108" s="2">
        <v>16</v>
      </c>
      <c r="C108" s="3" t="s">
        <v>411</v>
      </c>
      <c r="D108" s="3" t="s">
        <v>408</v>
      </c>
      <c r="E108" s="6" t="s">
        <v>553</v>
      </c>
      <c r="F108" s="6">
        <v>20</v>
      </c>
      <c r="G108" s="6">
        <v>20</v>
      </c>
      <c r="H108" s="6" t="s">
        <v>168</v>
      </c>
      <c r="I108" s="6" t="s">
        <v>169</v>
      </c>
      <c r="J108" s="7" t="s">
        <v>554</v>
      </c>
      <c r="K108" s="7" t="s">
        <v>171</v>
      </c>
      <c r="L108" s="8" t="s">
        <v>40</v>
      </c>
      <c r="M108" s="2">
        <v>35.373003300000001</v>
      </c>
      <c r="N108" s="2">
        <v>132.73760780000001</v>
      </c>
    </row>
    <row r="109" spans="1:14" ht="18" customHeight="1">
      <c r="A109" s="2" t="s">
        <v>594</v>
      </c>
      <c r="B109" s="2">
        <v>17</v>
      </c>
      <c r="C109" s="3" t="s">
        <v>412</v>
      </c>
      <c r="D109" s="3" t="s">
        <v>408</v>
      </c>
      <c r="E109" s="6" t="s">
        <v>531</v>
      </c>
      <c r="F109" s="6">
        <v>20</v>
      </c>
      <c r="G109" s="6">
        <v>20</v>
      </c>
      <c r="H109" s="6" t="s">
        <v>249</v>
      </c>
      <c r="I109" s="6" t="s">
        <v>250</v>
      </c>
      <c r="J109" s="7" t="s">
        <v>251</v>
      </c>
      <c r="K109" s="7" t="s">
        <v>252</v>
      </c>
      <c r="L109" s="8" t="s">
        <v>257</v>
      </c>
      <c r="M109" s="2">
        <v>35.153727000000003</v>
      </c>
      <c r="N109" s="2">
        <v>132.40322800000001</v>
      </c>
    </row>
    <row r="110" spans="1:14" ht="18" customHeight="1">
      <c r="A110" s="2" t="s">
        <v>594</v>
      </c>
      <c r="B110" s="2">
        <v>18</v>
      </c>
      <c r="C110" s="3" t="s">
        <v>473</v>
      </c>
      <c r="D110" s="3" t="s">
        <v>408</v>
      </c>
      <c r="E110" s="6" t="s">
        <v>584</v>
      </c>
      <c r="F110" s="6">
        <v>29</v>
      </c>
      <c r="G110" s="6">
        <v>29</v>
      </c>
      <c r="H110" s="6" t="s">
        <v>468</v>
      </c>
      <c r="I110" s="6" t="s">
        <v>469</v>
      </c>
      <c r="J110" s="7" t="s">
        <v>470</v>
      </c>
      <c r="K110" s="7" t="s">
        <v>471</v>
      </c>
      <c r="L110" s="8" t="s">
        <v>472</v>
      </c>
      <c r="M110" s="2">
        <v>34.855714499999998</v>
      </c>
      <c r="N110" s="2">
        <v>132.02151939999999</v>
      </c>
    </row>
    <row r="111" spans="1:14" ht="18" customHeight="1">
      <c r="A111" s="2" t="s">
        <v>594</v>
      </c>
      <c r="B111" s="2">
        <v>19</v>
      </c>
      <c r="C111" s="3" t="s">
        <v>473</v>
      </c>
      <c r="D111" s="3" t="s">
        <v>408</v>
      </c>
      <c r="E111" s="6" t="s">
        <v>579</v>
      </c>
      <c r="F111" s="6">
        <v>29</v>
      </c>
      <c r="G111" s="6">
        <v>29</v>
      </c>
      <c r="H111" s="6" t="s">
        <v>476</v>
      </c>
      <c r="I111" s="6" t="s">
        <v>499</v>
      </c>
      <c r="J111" s="7" t="s">
        <v>474</v>
      </c>
      <c r="K111" s="7" t="s">
        <v>477</v>
      </c>
      <c r="L111" s="8" t="s">
        <v>475</v>
      </c>
      <c r="M111" s="2">
        <v>34.972743399999999</v>
      </c>
      <c r="N111" s="2">
        <v>132.16995499999999</v>
      </c>
    </row>
    <row r="112" spans="1:14" ht="18" customHeight="1">
      <c r="A112" s="2" t="s">
        <v>594</v>
      </c>
      <c r="B112" s="2">
        <v>20</v>
      </c>
      <c r="C112" s="3" t="s">
        <v>473</v>
      </c>
      <c r="D112" s="3" t="s">
        <v>496</v>
      </c>
      <c r="E112" s="6" t="s">
        <v>497</v>
      </c>
      <c r="F112" s="6">
        <v>20</v>
      </c>
      <c r="G112" s="6">
        <v>20</v>
      </c>
      <c r="H112" s="6" t="s">
        <v>498</v>
      </c>
      <c r="I112" s="6" t="s">
        <v>500</v>
      </c>
      <c r="J112" s="7" t="s">
        <v>501</v>
      </c>
      <c r="K112" s="7" t="s">
        <v>502</v>
      </c>
      <c r="L112" s="8" t="s">
        <v>503</v>
      </c>
      <c r="M112" s="2">
        <v>34.866047199999997</v>
      </c>
      <c r="N112" s="2">
        <v>132.30360680000001</v>
      </c>
    </row>
    <row r="113" spans="1:14" ht="18" customHeight="1">
      <c r="A113" s="2" t="s">
        <v>594</v>
      </c>
      <c r="B113" s="2">
        <v>21</v>
      </c>
      <c r="C113" s="3" t="s">
        <v>415</v>
      </c>
      <c r="D113" s="3" t="s">
        <v>408</v>
      </c>
      <c r="E113" s="6" t="s">
        <v>522</v>
      </c>
      <c r="F113" s="6">
        <v>29</v>
      </c>
      <c r="G113" s="6">
        <v>29</v>
      </c>
      <c r="H113" s="6" t="s">
        <v>523</v>
      </c>
      <c r="I113" s="6" t="s">
        <v>524</v>
      </c>
      <c r="J113" s="7" t="s">
        <v>525</v>
      </c>
      <c r="K113" s="7" t="s">
        <v>526</v>
      </c>
      <c r="L113" s="8" t="s">
        <v>527</v>
      </c>
      <c r="M113" s="2">
        <v>34.689960300000003</v>
      </c>
      <c r="N113" s="2">
        <v>131.85726080000001</v>
      </c>
    </row>
    <row r="114" spans="1:14" ht="18" customHeight="1">
      <c r="A114" s="2" t="s">
        <v>594</v>
      </c>
      <c r="B114" s="2">
        <v>22</v>
      </c>
      <c r="C114" s="3" t="s">
        <v>415</v>
      </c>
      <c r="D114" s="3" t="s">
        <v>408</v>
      </c>
      <c r="E114" s="6" t="s">
        <v>369</v>
      </c>
      <c r="F114" s="6">
        <v>20</v>
      </c>
      <c r="G114" s="6">
        <v>20</v>
      </c>
      <c r="H114" s="6" t="s">
        <v>370</v>
      </c>
      <c r="I114" s="6" t="s">
        <v>371</v>
      </c>
      <c r="J114" s="7" t="s">
        <v>372</v>
      </c>
      <c r="K114" s="7" t="s">
        <v>373</v>
      </c>
      <c r="L114" s="8" t="s">
        <v>380</v>
      </c>
      <c r="M114" s="2">
        <v>34.355426600000001</v>
      </c>
      <c r="N114" s="2">
        <v>131.9368217</v>
      </c>
    </row>
    <row r="115" spans="1:14" ht="18" customHeight="1">
      <c r="A115" s="2" t="s">
        <v>594</v>
      </c>
      <c r="B115" s="2">
        <v>23</v>
      </c>
      <c r="C115" s="3" t="s">
        <v>415</v>
      </c>
      <c r="D115" s="3" t="s">
        <v>408</v>
      </c>
      <c r="E115" s="6" t="s">
        <v>374</v>
      </c>
      <c r="F115" s="6">
        <v>20</v>
      </c>
      <c r="G115" s="6">
        <v>20</v>
      </c>
      <c r="H115" s="6" t="s">
        <v>375</v>
      </c>
      <c r="I115" s="6" t="s">
        <v>442</v>
      </c>
      <c r="J115" s="7" t="s">
        <v>376</v>
      </c>
      <c r="K115" s="7" t="s">
        <v>377</v>
      </c>
      <c r="L115" s="8" t="s">
        <v>586</v>
      </c>
      <c r="M115" s="2">
        <v>34.436394300000003</v>
      </c>
      <c r="N115" s="2">
        <v>131.86745300000001</v>
      </c>
    </row>
  </sheetData>
  <phoneticPr fontId="2"/>
  <printOptions horizontalCentered="1"/>
  <pageMargins left="0.39370078740157483" right="0.27559055118110237" top="0.74803149606299213" bottom="0.19685039370078741" header="0.31496062992125984" footer="0.27559055118110237"/>
  <pageSetup paperSize="9" scale="34" orientation="portrait" r:id="rId1"/>
  <headerFooter alignWithMargins="0"/>
  <rowBreaks count="1" manualBreakCount="1">
    <brk id="59" min="1" max="12" man="1"/>
  </rowBreaks>
  <ignoredErrors>
    <ignoredError sqref="F1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特養</vt:lpstr>
      <vt:lpstr>特養!Print_Area</vt:lpstr>
      <vt:lpstr>特養!Print_Titles</vt:lpstr>
      <vt:lpstr>特養!text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c-0502-0017</dc:creator>
  <cp:lastModifiedBy>情報政策課</cp:lastModifiedBy>
  <cp:lastPrinted>2016-04-18T04:12:42Z</cp:lastPrinted>
  <dcterms:created xsi:type="dcterms:W3CDTF">2006-05-24T04:54:40Z</dcterms:created>
  <dcterms:modified xsi:type="dcterms:W3CDTF">2017-03-14T06:28:45Z</dcterms:modified>
</cp:coreProperties>
</file>